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updateLinks="never"/>
  <mc:AlternateContent xmlns:mc="http://schemas.openxmlformats.org/markup-compatibility/2006">
    <mc:Choice Requires="x15">
      <x15ac:absPath xmlns:x15ac="http://schemas.microsoft.com/office/spreadsheetml/2010/11/ac" url="\\kfs01\s1321\group\01_調整グループ\02_バリアフリーの街づくり\0007_施行施策\07_利用証制度（パーキング・パーミット）\40_協力区画\★最新公表データ★\"/>
    </mc:Choice>
  </mc:AlternateContent>
  <xr:revisionPtr revIDLastSave="0" documentId="13_ncr:1_{D78E559F-CEA4-4D6F-9150-C9EE6D547DE4}" xr6:coauthVersionLast="47" xr6:coauthVersionMax="47" xr10:uidLastSave="{00000000-0000-0000-0000-000000000000}"/>
  <bookViews>
    <workbookView xWindow="-108" yWindow="-108" windowWidth="23256" windowHeight="13896" xr2:uid="{00000000-000D-0000-FFFF-FFFF00000000}"/>
  </bookViews>
  <sheets>
    <sheet name="対象区画一覧" sheetId="3" r:id="rId1"/>
  </sheets>
  <externalReferences>
    <externalReference r:id="rId2"/>
  </externalReferences>
  <definedNames>
    <definedName name="_xlnm._FilterDatabase" localSheetId="0" hidden="1">対象区画一覧!$B$3:$J$985</definedName>
    <definedName name="_xlnm.Print_Area" localSheetId="0">対象区画一覧!$C$1:$J$985</definedName>
    <definedName name="_xlnm.Print_Titles" localSheetId="0">対象区画一覧!$1:$3</definedName>
    <definedName name="工程">[1]入力リスト!$C$3:$C$12</definedName>
    <definedName name="市区町村">[1]入力リスト!$C$15:$C$6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051" uniqueCount="2085">
  <si>
    <t>宮ケ瀬やまなみセンター本館</t>
    <rPh sb="0" eb="3">
      <t>ミヤガセ</t>
    </rPh>
    <rPh sb="11" eb="13">
      <t>ホンカン</t>
    </rPh>
    <phoneticPr fontId="3"/>
  </si>
  <si>
    <t>相模湖交流センター</t>
    <rPh sb="0" eb="5">
      <t>サガミココウリュウ</t>
    </rPh>
    <phoneticPr fontId="3"/>
  </si>
  <si>
    <t>神奈川県立公文書館</t>
    <rPh sb="0" eb="9">
      <t>カナガワケンリツコウブンショカン</t>
    </rPh>
    <phoneticPr fontId="3"/>
  </si>
  <si>
    <t>かながわ県民センター</t>
    <rPh sb="4" eb="6">
      <t>ケンミン</t>
    </rPh>
    <phoneticPr fontId="3"/>
  </si>
  <si>
    <t>横須賀合同庁舎</t>
    <rPh sb="0" eb="3">
      <t>ヨコスカ</t>
    </rPh>
    <rPh sb="3" eb="5">
      <t>ゴウドウ</t>
    </rPh>
    <rPh sb="5" eb="7">
      <t>チョウシャ</t>
    </rPh>
    <phoneticPr fontId="3"/>
  </si>
  <si>
    <t>厚木合同庁舎</t>
    <rPh sb="0" eb="4">
      <t>アツギゴウドウ</t>
    </rPh>
    <rPh sb="4" eb="6">
      <t>チョウシャ</t>
    </rPh>
    <phoneticPr fontId="3"/>
  </si>
  <si>
    <t>平塚合同庁舎</t>
    <rPh sb="0" eb="2">
      <t>ヒラツカ</t>
    </rPh>
    <rPh sb="2" eb="4">
      <t>ゴウドウ</t>
    </rPh>
    <rPh sb="4" eb="6">
      <t>チョウシャ</t>
    </rPh>
    <phoneticPr fontId="3"/>
  </si>
  <si>
    <t>緑県税事務所</t>
    <rPh sb="0" eb="1">
      <t>ミドリ</t>
    </rPh>
    <rPh sb="1" eb="3">
      <t>ケンゼイ</t>
    </rPh>
    <rPh sb="3" eb="5">
      <t>ジム</t>
    </rPh>
    <rPh sb="5" eb="6">
      <t>ショ</t>
    </rPh>
    <phoneticPr fontId="3"/>
  </si>
  <si>
    <t>戸塚県税事務所</t>
    <rPh sb="0" eb="7">
      <t>トツカケンゼイジムショ</t>
    </rPh>
    <phoneticPr fontId="3"/>
  </si>
  <si>
    <t>高相合同庁舎</t>
    <rPh sb="0" eb="6">
      <t>コウソウゴウドウチョウシャ</t>
    </rPh>
    <phoneticPr fontId="3"/>
  </si>
  <si>
    <t>藤沢合同庁舎</t>
    <rPh sb="0" eb="2">
      <t>フジサワ</t>
    </rPh>
    <rPh sb="2" eb="4">
      <t>ゴウドウ</t>
    </rPh>
    <rPh sb="4" eb="6">
      <t>チョウシャ</t>
    </rPh>
    <phoneticPr fontId="3"/>
  </si>
  <si>
    <t>自動車税管理事務所</t>
    <rPh sb="0" eb="3">
      <t>ジドウシャ</t>
    </rPh>
    <rPh sb="3" eb="4">
      <t>ゼイ</t>
    </rPh>
    <rPh sb="4" eb="6">
      <t>カンリ</t>
    </rPh>
    <rPh sb="6" eb="8">
      <t>ジム</t>
    </rPh>
    <rPh sb="8" eb="9">
      <t>ショ</t>
    </rPh>
    <phoneticPr fontId="3"/>
  </si>
  <si>
    <t>リンクス溝の口</t>
    <rPh sb="4" eb="5">
      <t>ミゾ</t>
    </rPh>
    <rPh sb="6" eb="7">
      <t>クチ</t>
    </rPh>
    <phoneticPr fontId="3"/>
  </si>
  <si>
    <t>県庁東庁舎</t>
    <rPh sb="0" eb="2">
      <t>ケンチョウ</t>
    </rPh>
    <rPh sb="2" eb="3">
      <t>ヒガシ</t>
    </rPh>
    <rPh sb="3" eb="5">
      <t>チョウシャ</t>
    </rPh>
    <phoneticPr fontId="3"/>
  </si>
  <si>
    <t>県庁本庁舎</t>
    <rPh sb="0" eb="2">
      <t>ケンチョウ</t>
    </rPh>
    <rPh sb="2" eb="5">
      <t>ホンチョウシャ</t>
    </rPh>
    <phoneticPr fontId="3"/>
  </si>
  <si>
    <t>県庁新庁舎</t>
    <rPh sb="0" eb="2">
      <t>ケンチョウ</t>
    </rPh>
    <rPh sb="2" eb="5">
      <t>シンチョウシャ</t>
    </rPh>
    <phoneticPr fontId="3"/>
  </si>
  <si>
    <t>横浜合同庁舎</t>
    <rPh sb="0" eb="2">
      <t>ヨコハマ</t>
    </rPh>
    <rPh sb="2" eb="4">
      <t>ゴウドウ</t>
    </rPh>
    <rPh sb="4" eb="6">
      <t>チョウシャ</t>
    </rPh>
    <phoneticPr fontId="3"/>
  </si>
  <si>
    <t>温泉地学研究所</t>
    <rPh sb="0" eb="7">
      <t>オンセンチガクケンキュウショ</t>
    </rPh>
    <phoneticPr fontId="3"/>
  </si>
  <si>
    <t>総合防災センター</t>
    <rPh sb="0" eb="2">
      <t>ソウゴウ</t>
    </rPh>
    <rPh sb="2" eb="4">
      <t>ボウサイ</t>
    </rPh>
    <phoneticPr fontId="3"/>
  </si>
  <si>
    <t>地球市民かながわプラザ</t>
    <rPh sb="0" eb="2">
      <t>チキュウ</t>
    </rPh>
    <rPh sb="2" eb="4">
      <t>シミン</t>
    </rPh>
    <phoneticPr fontId="3"/>
  </si>
  <si>
    <t>神奈川芸術劇場</t>
    <rPh sb="0" eb="3">
      <t>カナガワ</t>
    </rPh>
    <rPh sb="3" eb="5">
      <t>ゲイジュツ</t>
    </rPh>
    <rPh sb="5" eb="7">
      <t>ゲキジョウ</t>
    </rPh>
    <phoneticPr fontId="3"/>
  </si>
  <si>
    <t>宮ケ瀬湖カヌー場</t>
    <rPh sb="0" eb="8">
      <t>ミヤガセコカヌージョウ</t>
    </rPh>
    <phoneticPr fontId="3"/>
  </si>
  <si>
    <t>西湘スポーツセンター</t>
    <rPh sb="0" eb="2">
      <t>セイショウ</t>
    </rPh>
    <phoneticPr fontId="3"/>
  </si>
  <si>
    <t>スポーツ会館</t>
    <rPh sb="4" eb="6">
      <t>カイカン</t>
    </rPh>
    <phoneticPr fontId="3"/>
  </si>
  <si>
    <t>伊勢原射撃場</t>
    <rPh sb="0" eb="6">
      <t>イセハラシャゲキジョウ</t>
    </rPh>
    <phoneticPr fontId="3"/>
  </si>
  <si>
    <t>県立武道館</t>
    <rPh sb="0" eb="5">
      <t>ケンリツブドウカン</t>
    </rPh>
    <phoneticPr fontId="3"/>
  </si>
  <si>
    <t>グリーンハウス</t>
  </si>
  <si>
    <t>スポーツアリーナ２</t>
  </si>
  <si>
    <t>宿泊棟</t>
    <rPh sb="0" eb="3">
      <t>シュクハクトウ</t>
    </rPh>
    <phoneticPr fontId="3"/>
  </si>
  <si>
    <t>テニスコート</t>
  </si>
  <si>
    <t>環境科学センター</t>
    <rPh sb="0" eb="4">
      <t>カンキョウカガク</t>
    </rPh>
    <phoneticPr fontId="3"/>
  </si>
  <si>
    <t>21世紀の森</t>
    <rPh sb="2" eb="4">
      <t>セイキ</t>
    </rPh>
    <rPh sb="5" eb="6">
      <t>モリ</t>
    </rPh>
    <phoneticPr fontId="3"/>
  </si>
  <si>
    <t>大船フラワーセンター</t>
    <rPh sb="0" eb="2">
      <t>オオフナ</t>
    </rPh>
    <phoneticPr fontId="3"/>
  </si>
  <si>
    <t>花と緑のふれあいセンター</t>
    <rPh sb="0" eb="1">
      <t>ハナ</t>
    </rPh>
    <rPh sb="2" eb="3">
      <t>ミドリ</t>
    </rPh>
    <phoneticPr fontId="3"/>
  </si>
  <si>
    <t>横浜川崎地区農政事務所</t>
  </si>
  <si>
    <t>農業技術センター</t>
    <rPh sb="0" eb="4">
      <t>ノウギョウギジュツ</t>
    </rPh>
    <phoneticPr fontId="3"/>
  </si>
  <si>
    <t>農業技術センター三浦半島地区事務所</t>
  </si>
  <si>
    <t>まきば館</t>
    <rPh sb="3" eb="4">
      <t>カン</t>
    </rPh>
    <phoneticPr fontId="3"/>
  </si>
  <si>
    <t>（三崎漁港）宮川特別泊地・宮川一時停係泊特別泊地・宮川環境整備施設</t>
  </si>
  <si>
    <t>三崎漁港本港特別泊地及び本港環境整備施設</t>
    <rPh sb="0" eb="2">
      <t>ミサキ</t>
    </rPh>
    <rPh sb="2" eb="4">
      <t>ギョコウ</t>
    </rPh>
    <rPh sb="4" eb="6">
      <t>ホンコウ</t>
    </rPh>
    <rPh sb="6" eb="8">
      <t>トクベツ</t>
    </rPh>
    <rPh sb="8" eb="10">
      <t>ハクチ</t>
    </rPh>
    <rPh sb="10" eb="11">
      <t>オヨ</t>
    </rPh>
    <rPh sb="12" eb="14">
      <t>ホンコウ</t>
    </rPh>
    <rPh sb="14" eb="16">
      <t>カンキョウ</t>
    </rPh>
    <rPh sb="16" eb="18">
      <t>セイビ</t>
    </rPh>
    <rPh sb="18" eb="20">
      <t>シセツ</t>
    </rPh>
    <phoneticPr fontId="3"/>
  </si>
  <si>
    <t>水産技術センター</t>
    <rPh sb="0" eb="2">
      <t>スイサン</t>
    </rPh>
    <rPh sb="2" eb="4">
      <t>ギジュツ</t>
    </rPh>
    <phoneticPr fontId="3"/>
  </si>
  <si>
    <t>水産技術センター内水面試験場</t>
    <rPh sb="0" eb="4">
      <t>スイサンギジュツ</t>
    </rPh>
    <rPh sb="8" eb="14">
      <t>ナイスイメンシケンジョウ</t>
    </rPh>
    <phoneticPr fontId="3"/>
  </si>
  <si>
    <t>小田原水産合同庁舎</t>
    <rPh sb="0" eb="9">
      <t>オダワラスイサンゴウドウチョウシャ</t>
    </rPh>
    <phoneticPr fontId="3"/>
  </si>
  <si>
    <t>蓄養駐車場</t>
    <rPh sb="0" eb="2">
      <t>チクヨウ</t>
    </rPh>
    <rPh sb="2" eb="5">
      <t>チュウシャジョウ</t>
    </rPh>
    <phoneticPr fontId="3"/>
  </si>
  <si>
    <t>自然環境保全センター</t>
    <rPh sb="0" eb="6">
      <t>シゼンカンキョウホゼン</t>
    </rPh>
    <phoneticPr fontId="3"/>
  </si>
  <si>
    <t>かながわ農業アカデミー</t>
    <rPh sb="4" eb="6">
      <t>ノウギョウ</t>
    </rPh>
    <phoneticPr fontId="3"/>
  </si>
  <si>
    <t>平塚児童相談所</t>
    <rPh sb="0" eb="7">
      <t>ヒラツカジドウソウダンジョ</t>
    </rPh>
    <phoneticPr fontId="3"/>
  </si>
  <si>
    <t>鎌倉三浦地域児童相談所</t>
    <rPh sb="0" eb="11">
      <t>カマクラミウラチイキジドウソウダンジョ</t>
    </rPh>
    <phoneticPr fontId="3"/>
  </si>
  <si>
    <t>厚木児童相談所</t>
  </si>
  <si>
    <t>子ども自立生活支援センター</t>
    <rPh sb="0" eb="1">
      <t>コ</t>
    </rPh>
    <phoneticPr fontId="3"/>
  </si>
  <si>
    <t>おおいそ学園</t>
    <rPh sb="4" eb="6">
      <t>ガクエン</t>
    </rPh>
    <phoneticPr fontId="3"/>
  </si>
  <si>
    <t>青少年センター</t>
    <rPh sb="0" eb="3">
      <t>セイショウネン</t>
    </rPh>
    <phoneticPr fontId="3"/>
  </si>
  <si>
    <t>総合療育相談センター</t>
    <rPh sb="0" eb="6">
      <t>ソウゴウリョウイクソウダン</t>
    </rPh>
    <phoneticPr fontId="3"/>
  </si>
  <si>
    <t>さがみ緑風園</t>
  </si>
  <si>
    <t>中井やまゆり園</t>
    <rPh sb="0" eb="2">
      <t>ナカイ</t>
    </rPh>
    <rPh sb="6" eb="7">
      <t>エン</t>
    </rPh>
    <phoneticPr fontId="3"/>
  </si>
  <si>
    <t>三浦しらとり園</t>
    <rPh sb="0" eb="2">
      <t>ミウラ</t>
    </rPh>
    <rPh sb="6" eb="7">
      <t>エン</t>
    </rPh>
    <phoneticPr fontId="3"/>
  </si>
  <si>
    <t>芹が谷やまゆり園</t>
    <rPh sb="0" eb="1">
      <t>セリ</t>
    </rPh>
    <rPh sb="2" eb="3">
      <t>ヤ</t>
    </rPh>
    <rPh sb="7" eb="8">
      <t>エン</t>
    </rPh>
    <phoneticPr fontId="3"/>
  </si>
  <si>
    <t>津久井やまゆり園</t>
    <rPh sb="0" eb="3">
      <t>ツクイ</t>
    </rPh>
    <rPh sb="7" eb="8">
      <t>エン</t>
    </rPh>
    <phoneticPr fontId="3"/>
  </si>
  <si>
    <t>厚木精華園</t>
    <rPh sb="0" eb="2">
      <t>アツギ</t>
    </rPh>
    <rPh sb="2" eb="5">
      <t>セイカエン</t>
    </rPh>
    <phoneticPr fontId="3"/>
  </si>
  <si>
    <t>愛名やまゆり園</t>
    <rPh sb="0" eb="2">
      <t>アイナ</t>
    </rPh>
    <rPh sb="6" eb="7">
      <t>エン</t>
    </rPh>
    <phoneticPr fontId="3"/>
  </si>
  <si>
    <t>かながわ労働プラザ</t>
    <rPh sb="4" eb="6">
      <t>ロウドウ</t>
    </rPh>
    <phoneticPr fontId="3"/>
  </si>
  <si>
    <t>産業技術短期大学校</t>
    <rPh sb="0" eb="9">
      <t>サンギョウギジュツタンキダイガッコウ</t>
    </rPh>
    <phoneticPr fontId="3"/>
  </si>
  <si>
    <t>東部総合職業技術校</t>
    <rPh sb="0" eb="9">
      <t>トウブソウゴウショクギョウギジュツコウ</t>
    </rPh>
    <phoneticPr fontId="3"/>
  </si>
  <si>
    <t>西部総合職業技術校</t>
    <rPh sb="0" eb="9">
      <t>セイブソウゴウショクギョウギジュツコウ</t>
    </rPh>
    <phoneticPr fontId="3"/>
  </si>
  <si>
    <t>神奈川障害者職業能力開発校</t>
    <rPh sb="0" eb="13">
      <t>カナガワ</t>
    </rPh>
    <phoneticPr fontId="3"/>
  </si>
  <si>
    <t>横須賀土木事務所</t>
    <rPh sb="0" eb="3">
      <t>ヨコスカ</t>
    </rPh>
    <rPh sb="3" eb="5">
      <t>ドボク</t>
    </rPh>
    <rPh sb="5" eb="7">
      <t>ジム</t>
    </rPh>
    <rPh sb="7" eb="8">
      <t>ショ</t>
    </rPh>
    <phoneticPr fontId="3"/>
  </si>
  <si>
    <t>川崎治水センター</t>
    <rPh sb="0" eb="4">
      <t>カワサキチスイ</t>
    </rPh>
    <phoneticPr fontId="3"/>
  </si>
  <si>
    <t>恩廻公園管理棟</t>
    <rPh sb="0" eb="2">
      <t>オンマワ</t>
    </rPh>
    <rPh sb="2" eb="4">
      <t>コウエン</t>
    </rPh>
    <rPh sb="4" eb="7">
      <t>カンリトウ</t>
    </rPh>
    <phoneticPr fontId="3"/>
  </si>
  <si>
    <t>県西土木事務所小田原土木センター</t>
    <rPh sb="0" eb="1">
      <t>ケン</t>
    </rPh>
    <rPh sb="1" eb="2">
      <t>ニシ</t>
    </rPh>
    <rPh sb="2" eb="4">
      <t>ドボク</t>
    </rPh>
    <rPh sb="4" eb="6">
      <t>ジム</t>
    </rPh>
    <rPh sb="6" eb="7">
      <t>ショ</t>
    </rPh>
    <rPh sb="7" eb="12">
      <t>オダワラドボク</t>
    </rPh>
    <phoneticPr fontId="3"/>
  </si>
  <si>
    <t>厚木南合同庁舎</t>
    <rPh sb="0" eb="2">
      <t>アツギ</t>
    </rPh>
    <rPh sb="2" eb="3">
      <t>ミナミ</t>
    </rPh>
    <rPh sb="3" eb="5">
      <t>ゴウドウ</t>
    </rPh>
    <rPh sb="5" eb="7">
      <t>チョウシャ</t>
    </rPh>
    <phoneticPr fontId="3"/>
  </si>
  <si>
    <t>横浜西合同庁舎</t>
    <rPh sb="0" eb="7">
      <t>ヨコハマニシゴウドウチョウシャ</t>
    </rPh>
    <phoneticPr fontId="3"/>
  </si>
  <si>
    <t>川和遊水地管理棟</t>
    <rPh sb="0" eb="2">
      <t>カワワ</t>
    </rPh>
    <rPh sb="2" eb="5">
      <t>ユウスイチ</t>
    </rPh>
    <rPh sb="5" eb="7">
      <t>カンリ</t>
    </rPh>
    <rPh sb="7" eb="8">
      <t>トウ</t>
    </rPh>
    <phoneticPr fontId="3"/>
  </si>
  <si>
    <t>藤沢土木事務所汐見台庁舎</t>
    <rPh sb="0" eb="2">
      <t>フジサワ</t>
    </rPh>
    <rPh sb="2" eb="4">
      <t>ドボク</t>
    </rPh>
    <rPh sb="4" eb="6">
      <t>ジム</t>
    </rPh>
    <rPh sb="6" eb="7">
      <t>ショ</t>
    </rPh>
    <rPh sb="7" eb="12">
      <t>シオミダイチョウシャ</t>
    </rPh>
    <phoneticPr fontId="3"/>
  </si>
  <si>
    <t>津久井合同庁舎</t>
    <rPh sb="0" eb="7">
      <t>ツクイゴウドウチョウシャ</t>
    </rPh>
    <phoneticPr fontId="3"/>
  </si>
  <si>
    <t>厚木土木事務所東部センター</t>
    <rPh sb="0" eb="2">
      <t>アツギ</t>
    </rPh>
    <rPh sb="2" eb="4">
      <t>ドボク</t>
    </rPh>
    <rPh sb="4" eb="6">
      <t>ジム</t>
    </rPh>
    <rPh sb="6" eb="7">
      <t>ショ</t>
    </rPh>
    <rPh sb="7" eb="9">
      <t>トウブ</t>
    </rPh>
    <phoneticPr fontId="3"/>
  </si>
  <si>
    <t>足柄上合同庁舎</t>
    <rPh sb="0" eb="2">
      <t>アシガラ</t>
    </rPh>
    <rPh sb="2" eb="3">
      <t>カミ</t>
    </rPh>
    <rPh sb="3" eb="5">
      <t>ゴウドウ</t>
    </rPh>
    <rPh sb="5" eb="7">
      <t>チョウシャ</t>
    </rPh>
    <phoneticPr fontId="3"/>
  </si>
  <si>
    <t>由比ガ浜地下駐車場</t>
    <rPh sb="0" eb="2">
      <t>ユイ</t>
    </rPh>
    <rPh sb="3" eb="9">
      <t>ハマチカチュウシャジョウ</t>
    </rPh>
    <phoneticPr fontId="3"/>
  </si>
  <si>
    <t>片瀬海岸地下駐車場</t>
    <rPh sb="0" eb="9">
      <t>カタセカイガンチカチュウシャジョウ</t>
    </rPh>
    <phoneticPr fontId="3"/>
  </si>
  <si>
    <t>葉山港</t>
    <rPh sb="0" eb="2">
      <t>ハヤマ</t>
    </rPh>
    <rPh sb="2" eb="3">
      <t>コウ</t>
    </rPh>
    <phoneticPr fontId="3"/>
  </si>
  <si>
    <t>湘南港</t>
    <rPh sb="0" eb="2">
      <t>ショウナン</t>
    </rPh>
    <rPh sb="2" eb="3">
      <t>コウ</t>
    </rPh>
    <phoneticPr fontId="3"/>
  </si>
  <si>
    <t>大磯港</t>
    <rPh sb="0" eb="2">
      <t>オオイソ</t>
    </rPh>
    <rPh sb="2" eb="3">
      <t>コウ</t>
    </rPh>
    <phoneticPr fontId="3"/>
  </si>
  <si>
    <t>奥中川園地</t>
    <rPh sb="0" eb="1">
      <t>オク</t>
    </rPh>
    <rPh sb="1" eb="3">
      <t>ナカガワ</t>
    </rPh>
    <rPh sb="3" eb="5">
      <t>エンチ</t>
    </rPh>
    <phoneticPr fontId="3"/>
  </si>
  <si>
    <t>宮ケ瀬湖集団施設地区小中沢Ａ駐車場</t>
  </si>
  <si>
    <t>宮ケ瀬湖集団施設地区小中沢Ｂ駐車場</t>
  </si>
  <si>
    <t>鳥居原園地</t>
    <rPh sb="0" eb="2">
      <t>トリイ</t>
    </rPh>
    <rPh sb="2" eb="3">
      <t>バラ</t>
    </rPh>
    <rPh sb="3" eb="5">
      <t>エンチ</t>
    </rPh>
    <phoneticPr fontId="3"/>
  </si>
  <si>
    <t>箱根出張所</t>
    <rPh sb="0" eb="5">
      <t>ハコネシュッチョウジョ</t>
    </rPh>
    <phoneticPr fontId="3"/>
  </si>
  <si>
    <t>観音崎公園</t>
    <rPh sb="0" eb="3">
      <t>カンノンザキ</t>
    </rPh>
    <rPh sb="3" eb="5">
      <t>コウエン</t>
    </rPh>
    <phoneticPr fontId="3"/>
  </si>
  <si>
    <t>城ケ島公園</t>
    <rPh sb="0" eb="3">
      <t>ジョウガシマ</t>
    </rPh>
    <rPh sb="3" eb="5">
      <t>コウエン</t>
    </rPh>
    <phoneticPr fontId="3"/>
  </si>
  <si>
    <t>葉山公園</t>
    <rPh sb="0" eb="2">
      <t>ハヤマ</t>
    </rPh>
    <rPh sb="2" eb="4">
      <t>コウエン</t>
    </rPh>
    <phoneticPr fontId="3"/>
  </si>
  <si>
    <t>秦野戸川公園</t>
    <rPh sb="0" eb="2">
      <t>ハダノ</t>
    </rPh>
    <rPh sb="2" eb="4">
      <t>トガワ</t>
    </rPh>
    <rPh sb="4" eb="6">
      <t>コウエン</t>
    </rPh>
    <phoneticPr fontId="3"/>
  </si>
  <si>
    <t>大磯城山公園</t>
    <rPh sb="0" eb="6">
      <t>オオイソジョウヤマコウエン</t>
    </rPh>
    <phoneticPr fontId="3"/>
  </si>
  <si>
    <t>いせはら塔の山緑地公園</t>
    <rPh sb="4" eb="5">
      <t>トウ</t>
    </rPh>
    <rPh sb="6" eb="11">
      <t>ヤマリョクチコウエン</t>
    </rPh>
    <phoneticPr fontId="3"/>
  </si>
  <si>
    <t>境川遊水地公園</t>
    <rPh sb="0" eb="2">
      <t>サカイガワ</t>
    </rPh>
    <rPh sb="2" eb="5">
      <t>ユウスイチ</t>
    </rPh>
    <rPh sb="5" eb="7">
      <t>コウエン</t>
    </rPh>
    <phoneticPr fontId="3"/>
  </si>
  <si>
    <t>湘南海岸公園</t>
    <rPh sb="0" eb="6">
      <t>ショウナンカイガンコウエン</t>
    </rPh>
    <phoneticPr fontId="3"/>
  </si>
  <si>
    <t>辻堂海浜公園</t>
    <rPh sb="0" eb="2">
      <t>ツジドウ</t>
    </rPh>
    <rPh sb="2" eb="4">
      <t>カイヒン</t>
    </rPh>
    <rPh sb="4" eb="6">
      <t>コウエン</t>
    </rPh>
    <phoneticPr fontId="3"/>
  </si>
  <si>
    <t>茅ケ崎里山公園</t>
    <rPh sb="0" eb="7">
      <t>チガサキサトヤマコウエン</t>
    </rPh>
    <phoneticPr fontId="3"/>
  </si>
  <si>
    <t>山北つぶらの公園</t>
    <rPh sb="0" eb="2">
      <t>ヤマキタ</t>
    </rPh>
    <rPh sb="6" eb="8">
      <t>コウエン</t>
    </rPh>
    <phoneticPr fontId="3"/>
  </si>
  <si>
    <t>恩賜箱根公園</t>
    <rPh sb="0" eb="2">
      <t>オンシ</t>
    </rPh>
    <rPh sb="2" eb="4">
      <t>ハコネ</t>
    </rPh>
    <rPh sb="4" eb="6">
      <t>コウエン</t>
    </rPh>
    <phoneticPr fontId="3"/>
  </si>
  <si>
    <t>おだわら諏訪の原公園</t>
    <rPh sb="4" eb="6">
      <t>スワ</t>
    </rPh>
    <rPh sb="7" eb="8">
      <t>ハラ</t>
    </rPh>
    <rPh sb="8" eb="10">
      <t>コウエン</t>
    </rPh>
    <phoneticPr fontId="3"/>
  </si>
  <si>
    <t>七沢森林公園</t>
    <rPh sb="0" eb="2">
      <t>ナナサワ</t>
    </rPh>
    <rPh sb="2" eb="4">
      <t>シンリン</t>
    </rPh>
    <rPh sb="4" eb="6">
      <t>コウエン</t>
    </rPh>
    <phoneticPr fontId="3"/>
  </si>
  <si>
    <t>あいかわ公園</t>
    <rPh sb="4" eb="6">
      <t>コウエン</t>
    </rPh>
    <phoneticPr fontId="3"/>
  </si>
  <si>
    <t>座間谷戸山公園</t>
    <rPh sb="0" eb="7">
      <t>ザマヤトヤマコウエン</t>
    </rPh>
    <phoneticPr fontId="3"/>
  </si>
  <si>
    <t>相模三川公園</t>
    <rPh sb="0" eb="2">
      <t>サガミ</t>
    </rPh>
    <rPh sb="2" eb="4">
      <t>サンセン</t>
    </rPh>
    <rPh sb="4" eb="6">
      <t>コウエン</t>
    </rPh>
    <phoneticPr fontId="3"/>
  </si>
  <si>
    <t>相模原公園</t>
    <rPh sb="0" eb="3">
      <t>サガミハラ</t>
    </rPh>
    <rPh sb="3" eb="5">
      <t>コウエン</t>
    </rPh>
    <phoneticPr fontId="3"/>
  </si>
  <si>
    <t>相模湖公園</t>
    <rPh sb="0" eb="2">
      <t>サガミ</t>
    </rPh>
    <rPh sb="2" eb="3">
      <t>コ</t>
    </rPh>
    <rPh sb="3" eb="5">
      <t>コウエン</t>
    </rPh>
    <phoneticPr fontId="3"/>
  </si>
  <si>
    <t>津久井湖城山公園</t>
    <rPh sb="0" eb="3">
      <t>ツクイ</t>
    </rPh>
    <rPh sb="3" eb="4">
      <t>コ</t>
    </rPh>
    <rPh sb="4" eb="6">
      <t>シロヤマ</t>
    </rPh>
    <rPh sb="6" eb="8">
      <t>コウエン</t>
    </rPh>
    <phoneticPr fontId="3"/>
  </si>
  <si>
    <t>保土ケ谷公園</t>
    <rPh sb="0" eb="4">
      <t>ホドガヤ</t>
    </rPh>
    <rPh sb="4" eb="6">
      <t>コウエン</t>
    </rPh>
    <phoneticPr fontId="3"/>
  </si>
  <si>
    <t>三ツ池公園</t>
    <rPh sb="0" eb="1">
      <t>ミ</t>
    </rPh>
    <rPh sb="2" eb="3">
      <t>イケ</t>
    </rPh>
    <rPh sb="3" eb="5">
      <t>コウエン</t>
    </rPh>
    <phoneticPr fontId="3"/>
  </si>
  <si>
    <t>四季の森公園</t>
    <rPh sb="0" eb="2">
      <t>シキ</t>
    </rPh>
    <rPh sb="3" eb="4">
      <t>モリ</t>
    </rPh>
    <rPh sb="4" eb="6">
      <t>コウエン</t>
    </rPh>
    <phoneticPr fontId="3"/>
  </si>
  <si>
    <t>東高根森林公園</t>
    <rPh sb="0" eb="1">
      <t>ヒガシ</t>
    </rPh>
    <rPh sb="1" eb="3">
      <t>タカネ</t>
    </rPh>
    <rPh sb="3" eb="5">
      <t>シンリン</t>
    </rPh>
    <rPh sb="5" eb="7">
      <t>コウエン</t>
    </rPh>
    <phoneticPr fontId="3"/>
  </si>
  <si>
    <t>相模原水道営業所</t>
  </si>
  <si>
    <t>津久井水道営業所</t>
  </si>
  <si>
    <t>鎌倉水道営業所</t>
  </si>
  <si>
    <t>茅ケ崎水道営業所</t>
  </si>
  <si>
    <t>二宮分館</t>
    <rPh sb="0" eb="2">
      <t>ニノミヤ</t>
    </rPh>
    <rPh sb="2" eb="4">
      <t>ブンカン</t>
    </rPh>
    <phoneticPr fontId="3"/>
  </si>
  <si>
    <t>箱根水道センター</t>
    <rPh sb="0" eb="4">
      <t>ハコネスイドウ</t>
    </rPh>
    <phoneticPr fontId="3"/>
  </si>
  <si>
    <t>海老名水道営業所</t>
  </si>
  <si>
    <t>大和水道営業所</t>
  </si>
  <si>
    <t>第3浄水場</t>
    <rPh sb="0" eb="1">
      <t>ダイ</t>
    </rPh>
    <rPh sb="2" eb="5">
      <t>ジョウスイジョウ</t>
    </rPh>
    <phoneticPr fontId="3"/>
  </si>
  <si>
    <t>伊勢原分館</t>
    <rPh sb="0" eb="3">
      <t>イセハラ</t>
    </rPh>
    <rPh sb="3" eb="5">
      <t>ブンカン</t>
    </rPh>
    <phoneticPr fontId="3"/>
  </si>
  <si>
    <t>水道記念館</t>
    <rPh sb="0" eb="2">
      <t>スイドウ</t>
    </rPh>
    <rPh sb="2" eb="4">
      <t>キネン</t>
    </rPh>
    <rPh sb="4" eb="5">
      <t>カン</t>
    </rPh>
    <phoneticPr fontId="3"/>
  </si>
  <si>
    <t>谷ケ原浄水場</t>
  </si>
  <si>
    <t>水道水質センター</t>
  </si>
  <si>
    <t>相模川水系ダム管理事務所</t>
  </si>
  <si>
    <t>相模ダム管理部・相模ダム建設部</t>
  </si>
  <si>
    <t>酒匂川水系ダム管理事務所</t>
  </si>
  <si>
    <t>相模川発電管理事務所</t>
  </si>
  <si>
    <t>発電総合制御所</t>
  </si>
  <si>
    <t>鶴見高等学校</t>
    <rPh sb="4" eb="6">
      <t>ガッコウ</t>
    </rPh>
    <phoneticPr fontId="2"/>
  </si>
  <si>
    <t>鶴見総合高等学校</t>
    <rPh sb="0" eb="2">
      <t>ツルミ</t>
    </rPh>
    <rPh sb="2" eb="4">
      <t>ソウゴウ</t>
    </rPh>
    <rPh sb="4" eb="6">
      <t>コウトウ</t>
    </rPh>
    <rPh sb="6" eb="8">
      <t>ガッコウ</t>
    </rPh>
    <phoneticPr fontId="2"/>
  </si>
  <si>
    <t>神奈川工業高等学校
神奈川総合高等学校</t>
    <rPh sb="5" eb="7">
      <t>コウトウ</t>
    </rPh>
    <rPh sb="7" eb="9">
      <t>ガッコウ</t>
    </rPh>
    <phoneticPr fontId="2"/>
  </si>
  <si>
    <t>横浜翠嵐高等学校</t>
    <rPh sb="4" eb="6">
      <t>コウトウ</t>
    </rPh>
    <rPh sb="6" eb="8">
      <t>ガッコウ</t>
    </rPh>
    <phoneticPr fontId="2"/>
  </si>
  <si>
    <t>城郷高等学校</t>
  </si>
  <si>
    <t>横浜平沼高等学校</t>
  </si>
  <si>
    <t>横浜緑ケ丘高等学校</t>
  </si>
  <si>
    <t>横浜立野高等学校</t>
  </si>
  <si>
    <t>横浜清陵高等学校</t>
  </si>
  <si>
    <t>横浜国際高等学校</t>
    <rPh sb="0" eb="2">
      <t>ヨコハマ</t>
    </rPh>
    <rPh sb="2" eb="4">
      <t>コクサイ</t>
    </rPh>
    <rPh sb="4" eb="6">
      <t>コウトウ</t>
    </rPh>
    <rPh sb="6" eb="8">
      <t>ガッコウ</t>
    </rPh>
    <phoneticPr fontId="2"/>
  </si>
  <si>
    <t>横浜南陵高等学校</t>
    <rPh sb="0" eb="2">
      <t>ヨコハマ</t>
    </rPh>
    <rPh sb="2" eb="3">
      <t>ミナミ</t>
    </rPh>
    <rPh sb="3" eb="4">
      <t>リョウ</t>
    </rPh>
    <rPh sb="4" eb="8">
      <t>コウトウガッコウ</t>
    </rPh>
    <phoneticPr fontId="2"/>
  </si>
  <si>
    <t>横浜明朋高等学校</t>
  </si>
  <si>
    <t>永谷高等学校</t>
  </si>
  <si>
    <t>光陵高等学校</t>
  </si>
  <si>
    <t>商工高等学校</t>
  </si>
  <si>
    <t>保土ケ谷高等学校</t>
  </si>
  <si>
    <t>希望ケ丘高等学校</t>
  </si>
  <si>
    <t>二俣川看護福祉高等学校</t>
    <rPh sb="0" eb="3">
      <t>フタマタガワ</t>
    </rPh>
    <rPh sb="3" eb="5">
      <t>カンゴ</t>
    </rPh>
    <rPh sb="5" eb="7">
      <t>フクシ</t>
    </rPh>
    <rPh sb="7" eb="11">
      <t>コウトウガッコウ</t>
    </rPh>
    <phoneticPr fontId="2"/>
  </si>
  <si>
    <t>旭高等学校</t>
  </si>
  <si>
    <t>横浜旭陵高等学校</t>
  </si>
  <si>
    <t>磯子工業高等学校</t>
  </si>
  <si>
    <t>横浜氷取沢高等学校</t>
  </si>
  <si>
    <t>金沢総合高等学校</t>
  </si>
  <si>
    <t>釜利谷高等学校</t>
  </si>
  <si>
    <t>港北高等学校</t>
  </si>
  <si>
    <t>新羽高等学校</t>
  </si>
  <si>
    <t>岸根高等学校</t>
  </si>
  <si>
    <t>霧が丘高等学校</t>
  </si>
  <si>
    <t>白山高等学校</t>
  </si>
  <si>
    <t>市ケ尾高等学校</t>
  </si>
  <si>
    <t>田奈高等学校</t>
  </si>
  <si>
    <t>元石川高等学校</t>
  </si>
  <si>
    <t>川和高等学校</t>
  </si>
  <si>
    <t>新栄高等学校</t>
  </si>
  <si>
    <t>舞岡高等学校</t>
  </si>
  <si>
    <t>横浜桜陽高等学校</t>
    <rPh sb="0" eb="2">
      <t>ヨコハマ</t>
    </rPh>
    <rPh sb="2" eb="3">
      <t>オウ</t>
    </rPh>
    <rPh sb="3" eb="4">
      <t>ヨウ</t>
    </rPh>
    <rPh sb="4" eb="8">
      <t>コウトウガッコウ</t>
    </rPh>
    <phoneticPr fontId="2"/>
  </si>
  <si>
    <t>柏陽高等学校</t>
  </si>
  <si>
    <t>金井高等学校</t>
  </si>
  <si>
    <t>横浜栄高等学校</t>
    <rPh sb="0" eb="2">
      <t>ヨコハマ</t>
    </rPh>
    <rPh sb="2" eb="3">
      <t>サカエ</t>
    </rPh>
    <rPh sb="3" eb="5">
      <t>コウトウ</t>
    </rPh>
    <rPh sb="5" eb="7">
      <t>ガッコウ</t>
    </rPh>
    <phoneticPr fontId="2"/>
  </si>
  <si>
    <t>松陽高等学校</t>
  </si>
  <si>
    <t>横浜緑園高等学校</t>
    <rPh sb="0" eb="2">
      <t>ヨコハマ</t>
    </rPh>
    <rPh sb="2" eb="4">
      <t>リョクエン</t>
    </rPh>
    <rPh sb="4" eb="6">
      <t>コウトウ</t>
    </rPh>
    <rPh sb="6" eb="8">
      <t>ガッコウ</t>
    </rPh>
    <phoneticPr fontId="2"/>
  </si>
  <si>
    <t>川崎高等学校</t>
  </si>
  <si>
    <t>大師高等学校</t>
  </si>
  <si>
    <t>川崎工科高等学校</t>
    <rPh sb="0" eb="2">
      <t>カワサキ</t>
    </rPh>
    <rPh sb="2" eb="4">
      <t>コウカ</t>
    </rPh>
    <rPh sb="4" eb="6">
      <t>コウトウ</t>
    </rPh>
    <rPh sb="6" eb="8">
      <t>ガッコウ</t>
    </rPh>
    <phoneticPr fontId="1"/>
  </si>
  <si>
    <t>新城高等学校</t>
  </si>
  <si>
    <t>住吉高等学校</t>
  </si>
  <si>
    <t>川崎北高等学校</t>
  </si>
  <si>
    <t>向の岡工業高等学校</t>
  </si>
  <si>
    <t>生田高等学校</t>
  </si>
  <si>
    <t>百合丘高等学校</t>
  </si>
  <si>
    <t>生田東高等学校</t>
  </si>
  <si>
    <t>菅高等学校</t>
  </si>
  <si>
    <t>麻生総合高等学校</t>
  </si>
  <si>
    <t>麻生高等学校</t>
  </si>
  <si>
    <t>横須賀高等学校</t>
  </si>
  <si>
    <t>横須賀大津高等学校</t>
  </si>
  <si>
    <t>横須賀工業高等学校</t>
  </si>
  <si>
    <t>海洋科学高等学校</t>
    <rPh sb="0" eb="2">
      <t>カイヨウ</t>
    </rPh>
    <rPh sb="2" eb="4">
      <t>カガク</t>
    </rPh>
    <rPh sb="4" eb="6">
      <t>コウトウ</t>
    </rPh>
    <rPh sb="6" eb="8">
      <t>ガッコウ</t>
    </rPh>
    <phoneticPr fontId="2"/>
  </si>
  <si>
    <t>横須賀南高等学校</t>
  </si>
  <si>
    <t>平塚農商高等学校</t>
  </si>
  <si>
    <t>平塚工科高等学校</t>
    <rPh sb="2" eb="4">
      <t>コウカ</t>
    </rPh>
    <rPh sb="4" eb="8">
      <t>コウトウガッコウ</t>
    </rPh>
    <phoneticPr fontId="2"/>
  </si>
  <si>
    <t>高浜高等学校</t>
  </si>
  <si>
    <t>平塚湘風高等学校</t>
    <rPh sb="2" eb="3">
      <t>ショウ</t>
    </rPh>
    <rPh sb="3" eb="4">
      <t>フウ</t>
    </rPh>
    <rPh sb="4" eb="8">
      <t>コウトウガッコウ</t>
    </rPh>
    <phoneticPr fontId="2"/>
  </si>
  <si>
    <t>鎌倉高等学校</t>
  </si>
  <si>
    <t>七里ガ浜高等学校</t>
  </si>
  <si>
    <t>大船高等学校</t>
  </si>
  <si>
    <t>深沢高等学校</t>
  </si>
  <si>
    <t>湘南高等学校</t>
  </si>
  <si>
    <t>藤沢西高等学校</t>
  </si>
  <si>
    <t>藤沢工科高等学校</t>
    <rPh sb="0" eb="2">
      <t>フジサワ</t>
    </rPh>
    <rPh sb="2" eb="4">
      <t>コウカ</t>
    </rPh>
    <rPh sb="4" eb="8">
      <t>コウトウガッコウ</t>
    </rPh>
    <phoneticPr fontId="2"/>
  </si>
  <si>
    <t>藤沢清流高等学校</t>
    <rPh sb="0" eb="2">
      <t>フジサワ</t>
    </rPh>
    <rPh sb="2" eb="4">
      <t>セイリュウ</t>
    </rPh>
    <rPh sb="4" eb="6">
      <t>コウトウ</t>
    </rPh>
    <rPh sb="6" eb="8">
      <t>ガッコウ</t>
    </rPh>
    <phoneticPr fontId="1"/>
  </si>
  <si>
    <t>藤沢総合高等学校</t>
  </si>
  <si>
    <t>湘南台高等学校</t>
  </si>
  <si>
    <t>小田原高等学校</t>
  </si>
  <si>
    <t>小田原東高等学校</t>
    <rPh sb="0" eb="3">
      <t>オダワラ</t>
    </rPh>
    <rPh sb="3" eb="4">
      <t>ヒガシ</t>
    </rPh>
    <rPh sb="4" eb="6">
      <t>コウトウ</t>
    </rPh>
    <rPh sb="6" eb="8">
      <t>ガッコウ</t>
    </rPh>
    <phoneticPr fontId="2"/>
  </si>
  <si>
    <t>西湘高等学校</t>
  </si>
  <si>
    <t>小田原城北工業高等学校</t>
  </si>
  <si>
    <t>茅ケ崎高等学校</t>
  </si>
  <si>
    <t>茅ケ崎北陵高等学校</t>
  </si>
  <si>
    <t>鶴嶺高等学校</t>
  </si>
  <si>
    <t>茅ケ崎西浜高等学校</t>
  </si>
  <si>
    <t>相原高等学校</t>
  </si>
  <si>
    <t>上溝高等学校</t>
  </si>
  <si>
    <t>神奈川総合産業高等学校</t>
    <rPh sb="0" eb="3">
      <t>カナガワ</t>
    </rPh>
    <rPh sb="3" eb="5">
      <t>ソウゴウ</t>
    </rPh>
    <rPh sb="5" eb="7">
      <t>サンギョウ</t>
    </rPh>
    <rPh sb="7" eb="11">
      <t>コウトウガッコウ</t>
    </rPh>
    <phoneticPr fontId="2"/>
  </si>
  <si>
    <t>麻溝台高等学校</t>
  </si>
  <si>
    <t>上溝南高等学校</t>
  </si>
  <si>
    <t>上鶴間高等学校</t>
  </si>
  <si>
    <t>橋本高等学校</t>
  </si>
  <si>
    <t>相模原弥栄高等学校</t>
  </si>
  <si>
    <t>相模田名高等学校</t>
  </si>
  <si>
    <t>津久井高等学校</t>
  </si>
  <si>
    <t>三浦初声高等学校
（入江キャンパス）</t>
    <rPh sb="2" eb="3">
      <t>ハツ</t>
    </rPh>
    <rPh sb="3" eb="4">
      <t>セイ</t>
    </rPh>
    <rPh sb="10" eb="12">
      <t>イリエ</t>
    </rPh>
    <phoneticPr fontId="2"/>
  </si>
  <si>
    <t>三浦初声高等学校
（和田キャンパス）</t>
    <rPh sb="2" eb="3">
      <t>ハツ</t>
    </rPh>
    <rPh sb="3" eb="4">
      <t>セイ</t>
    </rPh>
    <rPh sb="10" eb="12">
      <t>ワダ</t>
    </rPh>
    <phoneticPr fontId="2"/>
  </si>
  <si>
    <t>秦野高等学校</t>
  </si>
  <si>
    <t>秦野総合高等学校</t>
    <rPh sb="0" eb="2">
      <t>ハダノ</t>
    </rPh>
    <rPh sb="2" eb="4">
      <t>ソウゴウ</t>
    </rPh>
    <rPh sb="4" eb="6">
      <t>コウトウ</t>
    </rPh>
    <rPh sb="6" eb="8">
      <t>ガッコウ</t>
    </rPh>
    <phoneticPr fontId="2"/>
  </si>
  <si>
    <t>秦野曽屋高等学校</t>
  </si>
  <si>
    <t>厚木高等学校</t>
  </si>
  <si>
    <t>厚木北高等学校</t>
  </si>
  <si>
    <t>厚木清南高等学校</t>
    <rPh sb="0" eb="2">
      <t>アツギ</t>
    </rPh>
    <rPh sb="2" eb="3">
      <t>キヨ</t>
    </rPh>
    <rPh sb="3" eb="4">
      <t>ナン</t>
    </rPh>
    <rPh sb="4" eb="6">
      <t>コウトウ</t>
    </rPh>
    <rPh sb="6" eb="8">
      <t>ガッコウ</t>
    </rPh>
    <phoneticPr fontId="2"/>
  </si>
  <si>
    <t>厚木西高等学校</t>
  </si>
  <si>
    <t>大和高等学校</t>
  </si>
  <si>
    <t>大和南高等学校</t>
  </si>
  <si>
    <t>大和東高等学校</t>
  </si>
  <si>
    <t>大和西高等学校</t>
  </si>
  <si>
    <t>伊勢原高等学校</t>
  </si>
  <si>
    <t>伊志田高等学校</t>
  </si>
  <si>
    <t>中央農業高等学校</t>
  </si>
  <si>
    <t>有馬高等学校</t>
  </si>
  <si>
    <t>座間高等学校</t>
  </si>
  <si>
    <t>座間総合高等学校</t>
    <rPh sb="0" eb="2">
      <t>ザマ</t>
    </rPh>
    <rPh sb="2" eb="4">
      <t>ソウゴウ</t>
    </rPh>
    <rPh sb="4" eb="6">
      <t>コウトウ</t>
    </rPh>
    <rPh sb="6" eb="8">
      <t>ガッコウ</t>
    </rPh>
    <phoneticPr fontId="2"/>
  </si>
  <si>
    <t>相模向陽館高等学校</t>
    <rPh sb="0" eb="2">
      <t>サガミ</t>
    </rPh>
    <rPh sb="2" eb="3">
      <t>コウ</t>
    </rPh>
    <rPh sb="3" eb="4">
      <t>ヨウ</t>
    </rPh>
    <rPh sb="4" eb="5">
      <t>カン</t>
    </rPh>
    <rPh sb="5" eb="7">
      <t>コウトウ</t>
    </rPh>
    <rPh sb="7" eb="9">
      <t>ガッコウ</t>
    </rPh>
    <phoneticPr fontId="1"/>
  </si>
  <si>
    <t>足柄高等学校</t>
  </si>
  <si>
    <t>綾瀬高等学校</t>
  </si>
  <si>
    <t>綾瀬西高等学校</t>
  </si>
  <si>
    <t>寒川高等学校</t>
  </si>
  <si>
    <t>大磯高等学校</t>
  </si>
  <si>
    <t>二宮高等学校</t>
  </si>
  <si>
    <t>大井高等学校</t>
  </si>
  <si>
    <t>山北高等学校</t>
  </si>
  <si>
    <t>吉田島高等学校</t>
    <rPh sb="0" eb="2">
      <t>ヨシダ</t>
    </rPh>
    <rPh sb="2" eb="3">
      <t>ジマ</t>
    </rPh>
    <rPh sb="3" eb="5">
      <t>コウトウ</t>
    </rPh>
    <rPh sb="5" eb="7">
      <t>ガッコウ</t>
    </rPh>
    <phoneticPr fontId="1"/>
  </si>
  <si>
    <t>愛川高等学校</t>
  </si>
  <si>
    <t>横浜修悠館高等学校</t>
    <rPh sb="0" eb="2">
      <t>ヨコハマ</t>
    </rPh>
    <rPh sb="2" eb="3">
      <t>シュウ</t>
    </rPh>
    <rPh sb="3" eb="4">
      <t>ユウ</t>
    </rPh>
    <rPh sb="4" eb="5">
      <t>カン</t>
    </rPh>
    <rPh sb="5" eb="7">
      <t>コウトウ</t>
    </rPh>
    <rPh sb="7" eb="9">
      <t>ガッコウ</t>
    </rPh>
    <phoneticPr fontId="2"/>
  </si>
  <si>
    <t>平塚中等教育学校</t>
    <rPh sb="2" eb="4">
      <t>チュウトウ</t>
    </rPh>
    <rPh sb="4" eb="6">
      <t>キョウイク</t>
    </rPh>
    <rPh sb="6" eb="8">
      <t>ガッコウ</t>
    </rPh>
    <phoneticPr fontId="3"/>
  </si>
  <si>
    <t>相模原中等教育学校</t>
    <rPh sb="0" eb="3">
      <t>サガミハラ</t>
    </rPh>
    <rPh sb="3" eb="5">
      <t>チュウトウ</t>
    </rPh>
    <rPh sb="5" eb="7">
      <t>キョウイク</t>
    </rPh>
    <rPh sb="7" eb="9">
      <t>ガッコウ</t>
    </rPh>
    <phoneticPr fontId="3"/>
  </si>
  <si>
    <t>平塚盲学校</t>
  </si>
  <si>
    <t>平塚ろう学校</t>
  </si>
  <si>
    <t>あおば支援学校</t>
    <rPh sb="3" eb="5">
      <t>シエン</t>
    </rPh>
    <rPh sb="5" eb="7">
      <t>ガッコウ</t>
    </rPh>
    <phoneticPr fontId="3"/>
  </si>
  <si>
    <t>横浜ひなたやま支援学校</t>
  </si>
  <si>
    <t>相模原中央支援学校</t>
    <rPh sb="0" eb="3">
      <t>サガミハラ</t>
    </rPh>
    <rPh sb="3" eb="5">
      <t>チュウオウ</t>
    </rPh>
    <rPh sb="5" eb="7">
      <t>シエン</t>
    </rPh>
    <rPh sb="7" eb="9">
      <t>ガッコウ</t>
    </rPh>
    <phoneticPr fontId="3"/>
  </si>
  <si>
    <t>えびな支援学校</t>
    <rPh sb="3" eb="5">
      <t>シエン</t>
    </rPh>
    <rPh sb="5" eb="7">
      <t>ガッコウ</t>
    </rPh>
    <phoneticPr fontId="3"/>
  </si>
  <si>
    <t>神奈川県立図書館</t>
    <rPh sb="0" eb="8">
      <t>カナガワケンリツトショカン</t>
    </rPh>
    <phoneticPr fontId="3"/>
  </si>
  <si>
    <t>金沢文庫</t>
    <rPh sb="0" eb="4">
      <t>カナザワブンコ</t>
    </rPh>
    <phoneticPr fontId="3"/>
  </si>
  <si>
    <t>近代美術館
葉山館</t>
    <rPh sb="0" eb="2">
      <t>キンダイ</t>
    </rPh>
    <rPh sb="2" eb="5">
      <t>ビジュツカン</t>
    </rPh>
    <rPh sb="6" eb="8">
      <t>ハヤマ</t>
    </rPh>
    <rPh sb="8" eb="9">
      <t>カン</t>
    </rPh>
    <phoneticPr fontId="3"/>
  </si>
  <si>
    <t>近代美術館
鎌倉別館</t>
    <rPh sb="0" eb="2">
      <t>キンダイ</t>
    </rPh>
    <rPh sb="2" eb="5">
      <t>ビジュツカン</t>
    </rPh>
    <rPh sb="6" eb="8">
      <t>カマクラ</t>
    </rPh>
    <rPh sb="8" eb="9">
      <t>ベツ</t>
    </rPh>
    <rPh sb="9" eb="10">
      <t>カン</t>
    </rPh>
    <phoneticPr fontId="3"/>
  </si>
  <si>
    <t>歴史博物館</t>
    <rPh sb="0" eb="2">
      <t>レキシ</t>
    </rPh>
    <rPh sb="2" eb="5">
      <t>ハクブツカン</t>
    </rPh>
    <phoneticPr fontId="3"/>
  </si>
  <si>
    <t>生命の星・地球博物館</t>
    <rPh sb="0" eb="2">
      <t>セイメイ</t>
    </rPh>
    <rPh sb="3" eb="4">
      <t>ホシ</t>
    </rPh>
    <rPh sb="5" eb="10">
      <t>チキュウハクブツカン</t>
    </rPh>
    <phoneticPr fontId="3"/>
  </si>
  <si>
    <t>足柄ふれあいの村</t>
    <rPh sb="0" eb="2">
      <t>アシガラ</t>
    </rPh>
    <rPh sb="7" eb="8">
      <t>ムラ</t>
    </rPh>
    <phoneticPr fontId="3"/>
  </si>
  <si>
    <t>愛川ふれあいの村</t>
    <rPh sb="0" eb="2">
      <t>アイカワ</t>
    </rPh>
    <rPh sb="7" eb="8">
      <t>ムラ</t>
    </rPh>
    <phoneticPr fontId="3"/>
  </si>
  <si>
    <t>加賀町警察署</t>
    <rPh sb="0" eb="3">
      <t>カガマチ</t>
    </rPh>
    <rPh sb="3" eb="6">
      <t>ケイサツショ</t>
    </rPh>
    <phoneticPr fontId="3"/>
  </si>
  <si>
    <t>山手警察署</t>
    <rPh sb="0" eb="2">
      <t>ヤマテ</t>
    </rPh>
    <rPh sb="2" eb="5">
      <t>ケイサツショ</t>
    </rPh>
    <phoneticPr fontId="3"/>
  </si>
  <si>
    <t>磯子警察署</t>
    <rPh sb="0" eb="5">
      <t>イソゴケイサツショ</t>
    </rPh>
    <phoneticPr fontId="3"/>
  </si>
  <si>
    <t>金沢警察署</t>
    <rPh sb="0" eb="1">
      <t>キン</t>
    </rPh>
    <rPh sb="1" eb="2">
      <t>ザワ</t>
    </rPh>
    <rPh sb="2" eb="5">
      <t>ケイサツショ</t>
    </rPh>
    <phoneticPr fontId="3"/>
  </si>
  <si>
    <t>南警察署</t>
  </si>
  <si>
    <t>伊勢佐木警察署</t>
    <rPh sb="0" eb="4">
      <t>イセザキ</t>
    </rPh>
    <rPh sb="4" eb="7">
      <t>ケイサツショ</t>
    </rPh>
    <phoneticPr fontId="3"/>
  </si>
  <si>
    <t>戸部警察署</t>
    <rPh sb="0" eb="2">
      <t>トベ</t>
    </rPh>
    <rPh sb="2" eb="5">
      <t>ケイサツショ</t>
    </rPh>
    <phoneticPr fontId="3"/>
  </si>
  <si>
    <t>神奈川警察署</t>
    <rPh sb="0" eb="3">
      <t>カナガワ</t>
    </rPh>
    <rPh sb="3" eb="6">
      <t>ケイサツショ</t>
    </rPh>
    <phoneticPr fontId="3"/>
  </si>
  <si>
    <t>保土ケ谷警察署</t>
    <rPh sb="0" eb="4">
      <t>ホドガヤ</t>
    </rPh>
    <rPh sb="4" eb="7">
      <t>ケイサツショ</t>
    </rPh>
    <phoneticPr fontId="3"/>
  </si>
  <si>
    <t>旭警察署</t>
    <rPh sb="0" eb="4">
      <t>アサヒケイサツショ</t>
    </rPh>
    <phoneticPr fontId="3"/>
  </si>
  <si>
    <t>港南警察署</t>
    <rPh sb="0" eb="2">
      <t>コウナン</t>
    </rPh>
    <rPh sb="2" eb="5">
      <t>ケイサツショ</t>
    </rPh>
    <phoneticPr fontId="3"/>
  </si>
  <si>
    <t>港北警察署</t>
    <rPh sb="0" eb="2">
      <t>コウホク</t>
    </rPh>
    <rPh sb="2" eb="5">
      <t>ケイサツショ</t>
    </rPh>
    <phoneticPr fontId="3"/>
  </si>
  <si>
    <t>緑警察署</t>
    <rPh sb="0" eb="1">
      <t>ミドリ</t>
    </rPh>
    <rPh sb="1" eb="4">
      <t>ケイサツショ</t>
    </rPh>
    <phoneticPr fontId="3"/>
  </si>
  <si>
    <t>青葉警察署</t>
    <rPh sb="0" eb="2">
      <t>アオバ</t>
    </rPh>
    <rPh sb="2" eb="5">
      <t>ケイサツショ</t>
    </rPh>
    <phoneticPr fontId="3"/>
  </si>
  <si>
    <t>都筑警察署</t>
    <rPh sb="0" eb="2">
      <t>ツヅキ</t>
    </rPh>
    <rPh sb="2" eb="5">
      <t>ケイサツショ</t>
    </rPh>
    <phoneticPr fontId="3"/>
  </si>
  <si>
    <t>戸塚警察署</t>
    <rPh sb="0" eb="5">
      <t>トツカケイサツショ</t>
    </rPh>
    <phoneticPr fontId="3"/>
  </si>
  <si>
    <t>栄警察署</t>
    <rPh sb="0" eb="1">
      <t>サカエ</t>
    </rPh>
    <rPh sb="1" eb="4">
      <t>ケイサツショ</t>
    </rPh>
    <phoneticPr fontId="3"/>
  </si>
  <si>
    <t>泉警察署</t>
    <rPh sb="0" eb="1">
      <t>イズミ</t>
    </rPh>
    <rPh sb="1" eb="4">
      <t>ケイサツショ</t>
    </rPh>
    <phoneticPr fontId="3"/>
  </si>
  <si>
    <t>川崎警察署</t>
    <rPh sb="0" eb="2">
      <t>カワサキ</t>
    </rPh>
    <rPh sb="2" eb="5">
      <t>ケイサツショ</t>
    </rPh>
    <phoneticPr fontId="3"/>
  </si>
  <si>
    <t>川崎臨港警察署</t>
    <rPh sb="0" eb="2">
      <t>カワサキ</t>
    </rPh>
    <rPh sb="2" eb="4">
      <t>リンコウ</t>
    </rPh>
    <rPh sb="4" eb="7">
      <t>ケイサツショ</t>
    </rPh>
    <phoneticPr fontId="3"/>
  </si>
  <si>
    <t>幸警察署</t>
    <rPh sb="0" eb="4">
      <t>サイワイケイサツショ</t>
    </rPh>
    <phoneticPr fontId="3"/>
  </si>
  <si>
    <t>中原警察署</t>
    <rPh sb="0" eb="5">
      <t>ナカハラケイサツショ</t>
    </rPh>
    <phoneticPr fontId="3"/>
  </si>
  <si>
    <t>高津警察署</t>
    <rPh sb="0" eb="5">
      <t>タカツケイサツショ</t>
    </rPh>
    <phoneticPr fontId="3"/>
  </si>
  <si>
    <t>宮前警察署</t>
    <rPh sb="0" eb="5">
      <t>ミヤマエケイサツショ</t>
    </rPh>
    <phoneticPr fontId="3"/>
  </si>
  <si>
    <t>麻生警察署</t>
    <rPh sb="0" eb="5">
      <t>アサオケイサツショ</t>
    </rPh>
    <phoneticPr fontId="3"/>
  </si>
  <si>
    <t>横須賀警察署</t>
    <rPh sb="0" eb="3">
      <t>ヨコスカ</t>
    </rPh>
    <rPh sb="3" eb="6">
      <t>ケイサツショ</t>
    </rPh>
    <phoneticPr fontId="3"/>
  </si>
  <si>
    <t>田浦警察署</t>
    <rPh sb="0" eb="2">
      <t>タウラ</t>
    </rPh>
    <rPh sb="2" eb="5">
      <t>ケイサツショ</t>
    </rPh>
    <phoneticPr fontId="3"/>
  </si>
  <si>
    <t>三崎警察署</t>
    <rPh sb="0" eb="2">
      <t>ミサキ</t>
    </rPh>
    <rPh sb="2" eb="5">
      <t>ケイサツショ</t>
    </rPh>
    <phoneticPr fontId="3"/>
  </si>
  <si>
    <t>葉山警察署</t>
    <rPh sb="0" eb="5">
      <t>ハヤマケイサツショ</t>
    </rPh>
    <phoneticPr fontId="3"/>
  </si>
  <si>
    <t>逗子警察署</t>
    <rPh sb="0" eb="2">
      <t>ズシ</t>
    </rPh>
    <rPh sb="2" eb="5">
      <t>ケイサツショ</t>
    </rPh>
    <phoneticPr fontId="3"/>
  </si>
  <si>
    <t>鎌倉警察署</t>
    <rPh sb="0" eb="2">
      <t>カマクラ</t>
    </rPh>
    <rPh sb="2" eb="5">
      <t>ケイサツショ</t>
    </rPh>
    <phoneticPr fontId="3"/>
  </si>
  <si>
    <t>藤沢警察署</t>
    <rPh sb="0" eb="5">
      <t>フジサワケイサツショ</t>
    </rPh>
    <phoneticPr fontId="3"/>
  </si>
  <si>
    <t>藤沢北警察署</t>
    <rPh sb="0" eb="2">
      <t>フジサワ</t>
    </rPh>
    <rPh sb="2" eb="3">
      <t>キタ</t>
    </rPh>
    <rPh sb="3" eb="6">
      <t>ケイサツショ</t>
    </rPh>
    <phoneticPr fontId="3"/>
  </si>
  <si>
    <t>茅ケ崎警察署</t>
    <rPh sb="0" eb="1">
      <t>チガサキ</t>
    </rPh>
    <rPh sb="2" eb="6">
      <t>イサツショ</t>
    </rPh>
    <phoneticPr fontId="3"/>
  </si>
  <si>
    <t>平塚警察署</t>
    <rPh sb="0" eb="2">
      <t>ヒラツカ</t>
    </rPh>
    <rPh sb="2" eb="5">
      <t>ケイサツショ</t>
    </rPh>
    <phoneticPr fontId="3"/>
  </si>
  <si>
    <t>大磯警察署</t>
    <rPh sb="0" eb="2">
      <t>オオイソ</t>
    </rPh>
    <rPh sb="2" eb="5">
      <t>ケイサツショ</t>
    </rPh>
    <phoneticPr fontId="3"/>
  </si>
  <si>
    <t>小田原警察署</t>
    <rPh sb="0" eb="6">
      <t>オ</t>
    </rPh>
    <phoneticPr fontId="3"/>
  </si>
  <si>
    <t>松田警察署</t>
    <rPh sb="0" eb="2">
      <t>マツダ</t>
    </rPh>
    <rPh sb="2" eb="5">
      <t>ケイサツショ</t>
    </rPh>
    <phoneticPr fontId="3"/>
  </si>
  <si>
    <t>秦野警察署</t>
    <rPh sb="0" eb="5">
      <t>ハダノケイサツショ</t>
    </rPh>
    <phoneticPr fontId="3"/>
  </si>
  <si>
    <t>伊勢原警察署</t>
    <rPh sb="0" eb="3">
      <t>イセハラ</t>
    </rPh>
    <rPh sb="3" eb="6">
      <t>ケイサツショ</t>
    </rPh>
    <phoneticPr fontId="3"/>
  </si>
  <si>
    <t>厚木警察署</t>
    <rPh sb="0" eb="5">
      <t>アツギケイサツショ</t>
    </rPh>
    <phoneticPr fontId="3"/>
  </si>
  <si>
    <t>大和警察署</t>
    <rPh sb="0" eb="2">
      <t>ヤマト</t>
    </rPh>
    <rPh sb="2" eb="5">
      <t>ケイサツショ</t>
    </rPh>
    <phoneticPr fontId="3"/>
  </si>
  <si>
    <t>座間警察署</t>
    <rPh sb="0" eb="2">
      <t>ザマ</t>
    </rPh>
    <rPh sb="2" eb="5">
      <t>ケイサツショ</t>
    </rPh>
    <phoneticPr fontId="3"/>
  </si>
  <si>
    <t>海老名警察署</t>
    <rPh sb="0" eb="3">
      <t>エビナ</t>
    </rPh>
    <rPh sb="3" eb="6">
      <t>ケイサツショ</t>
    </rPh>
    <phoneticPr fontId="3"/>
  </si>
  <si>
    <t>相模原警察署</t>
    <rPh sb="0" eb="3">
      <t>サガミハラ</t>
    </rPh>
    <rPh sb="3" eb="5">
      <t>ケイサツ</t>
    </rPh>
    <rPh sb="5" eb="6">
      <t>ショ</t>
    </rPh>
    <phoneticPr fontId="3"/>
  </si>
  <si>
    <t>相模原南警察署</t>
    <rPh sb="0" eb="3">
      <t>サガミハラ</t>
    </rPh>
    <rPh sb="3" eb="4">
      <t>ミナミ</t>
    </rPh>
    <rPh sb="4" eb="7">
      <t>ケイサツショ</t>
    </rPh>
    <phoneticPr fontId="3"/>
  </si>
  <si>
    <t>相模原北警察署</t>
    <rPh sb="0" eb="7">
      <t>サガミハラキタケイサツショ</t>
    </rPh>
    <phoneticPr fontId="3"/>
  </si>
  <si>
    <t>津久井警察署</t>
    <rPh sb="0" eb="6">
      <t>ツクイケイサツショ</t>
    </rPh>
    <phoneticPr fontId="3"/>
  </si>
  <si>
    <t>横須賀市日の出町２－９－１９</t>
    <rPh sb="0" eb="4">
      <t>ヨコスカシ</t>
    </rPh>
    <rPh sb="4" eb="5">
      <t>ヒ</t>
    </rPh>
    <rPh sb="6" eb="8">
      <t>デチョウ</t>
    </rPh>
    <phoneticPr fontId="3"/>
  </si>
  <si>
    <t>平塚市西八幡１－３－１</t>
    <rPh sb="0" eb="2">
      <t>ヒラツカ</t>
    </rPh>
    <rPh sb="2" eb="3">
      <t>シ</t>
    </rPh>
    <rPh sb="3" eb="4">
      <t>ニシ</t>
    </rPh>
    <rPh sb="4" eb="6">
      <t>ハチマン</t>
    </rPh>
    <phoneticPr fontId="3"/>
  </si>
  <si>
    <t>横浜市旭区中尾１－６－１</t>
    <rPh sb="0" eb="3">
      <t>ヨコハマシ</t>
    </rPh>
    <rPh sb="3" eb="5">
      <t>アサヒク</t>
    </rPh>
    <rPh sb="5" eb="7">
      <t>ナカオ</t>
    </rPh>
    <phoneticPr fontId="3"/>
  </si>
  <si>
    <t>現在は仮設庁舎であり、令和８年度中に新庁舎へ移転予定である。</t>
    <rPh sb="0" eb="2">
      <t>ゲンザイ</t>
    </rPh>
    <rPh sb="3" eb="5">
      <t>カセツ</t>
    </rPh>
    <rPh sb="5" eb="7">
      <t>チョウシャ</t>
    </rPh>
    <rPh sb="11" eb="13">
      <t>レイワ</t>
    </rPh>
    <rPh sb="14" eb="15">
      <t>ネン</t>
    </rPh>
    <rPh sb="15" eb="16">
      <t>ド</t>
    </rPh>
    <rPh sb="16" eb="17">
      <t>チュウ</t>
    </rPh>
    <rPh sb="18" eb="21">
      <t>シンチョウシャ</t>
    </rPh>
    <rPh sb="22" eb="24">
      <t>イテン</t>
    </rPh>
    <rPh sb="24" eb="26">
      <t>ヨテイ</t>
    </rPh>
    <phoneticPr fontId="3"/>
  </si>
  <si>
    <t>館内駐車場利用においては事前に許可証を発行</t>
    <rPh sb="0" eb="2">
      <t>カンナイ</t>
    </rPh>
    <rPh sb="2" eb="5">
      <t>チュウシャジョウ</t>
    </rPh>
    <rPh sb="5" eb="7">
      <t>リヨウ</t>
    </rPh>
    <rPh sb="12" eb="14">
      <t>ジゼン</t>
    </rPh>
    <rPh sb="15" eb="18">
      <t>キョカショウ</t>
    </rPh>
    <rPh sb="19" eb="21">
      <t>ハッコウ</t>
    </rPh>
    <phoneticPr fontId="3"/>
  </si>
  <si>
    <t>三浦市三崎町六合地先</t>
    <rPh sb="0" eb="3">
      <t>ミウラシ</t>
    </rPh>
    <rPh sb="3" eb="5">
      <t>ミサキ</t>
    </rPh>
    <rPh sb="5" eb="6">
      <t>チョウ</t>
    </rPh>
    <rPh sb="6" eb="8">
      <t>ムツアイ</t>
    </rPh>
    <rPh sb="8" eb="10">
      <t>チサキ</t>
    </rPh>
    <phoneticPr fontId="3"/>
  </si>
  <si>
    <t>三浦市三崎町城ケ島養老子</t>
    <rPh sb="0" eb="3">
      <t>ミウラシ</t>
    </rPh>
    <rPh sb="3" eb="12">
      <t>ミサキマチジョウガシマヨウロウシ</t>
    </rPh>
    <phoneticPr fontId="3"/>
  </si>
  <si>
    <t>相模原市緑区大島３６５７</t>
    <rPh sb="0" eb="4">
      <t>サガミハラシ</t>
    </rPh>
    <rPh sb="4" eb="6">
      <t>ミドリク</t>
    </rPh>
    <rPh sb="6" eb="8">
      <t>オオシマ</t>
    </rPh>
    <phoneticPr fontId="3"/>
  </si>
  <si>
    <t>平塚市片岡９９１－１</t>
    <rPh sb="0" eb="3">
      <t>ヒラツカシ</t>
    </rPh>
    <rPh sb="3" eb="5">
      <t>カタオカ</t>
    </rPh>
    <phoneticPr fontId="3"/>
  </si>
  <si>
    <t>車椅子用５区画のうち２区画を優先区画として併用予定。車椅子利用者で全て使用している場合、空いていれば通常区画でなるべく出入り口に近い場所に案内。</t>
    <rPh sb="0" eb="1">
      <t>クルマ</t>
    </rPh>
    <rPh sb="1" eb="3">
      <t>イス</t>
    </rPh>
    <rPh sb="3" eb="4">
      <t>ヨウ</t>
    </rPh>
    <rPh sb="5" eb="7">
      <t>クカク</t>
    </rPh>
    <rPh sb="11" eb="13">
      <t>クカク</t>
    </rPh>
    <rPh sb="14" eb="16">
      <t>ユウセン</t>
    </rPh>
    <rPh sb="16" eb="18">
      <t>クカク</t>
    </rPh>
    <rPh sb="21" eb="23">
      <t>ヘイヨウ</t>
    </rPh>
    <rPh sb="23" eb="25">
      <t>ヨテイ</t>
    </rPh>
    <rPh sb="26" eb="27">
      <t>クルマ</t>
    </rPh>
    <rPh sb="27" eb="29">
      <t>イス</t>
    </rPh>
    <rPh sb="29" eb="32">
      <t>リヨウシャ</t>
    </rPh>
    <rPh sb="33" eb="34">
      <t>スベ</t>
    </rPh>
    <rPh sb="35" eb="37">
      <t>シヨウ</t>
    </rPh>
    <rPh sb="41" eb="43">
      <t>バアイ</t>
    </rPh>
    <rPh sb="44" eb="45">
      <t>ア</t>
    </rPh>
    <rPh sb="50" eb="52">
      <t>ツウジョウ</t>
    </rPh>
    <rPh sb="52" eb="54">
      <t>クカク</t>
    </rPh>
    <rPh sb="59" eb="60">
      <t>デ</t>
    </rPh>
    <rPh sb="60" eb="61">
      <t>イ</t>
    </rPh>
    <rPh sb="62" eb="63">
      <t>グチ</t>
    </rPh>
    <rPh sb="64" eb="65">
      <t>チカ</t>
    </rPh>
    <rPh sb="66" eb="68">
      <t>バショ</t>
    </rPh>
    <rPh sb="69" eb="71">
      <t>アンナイ</t>
    </rPh>
    <phoneticPr fontId="3"/>
  </si>
  <si>
    <t>藤野芸術の家</t>
    <rPh sb="0" eb="2">
      <t>フジノ</t>
    </rPh>
    <rPh sb="2" eb="4">
      <t>ゲイジュツ</t>
    </rPh>
    <rPh sb="5" eb="6">
      <t>イエ</t>
    </rPh>
    <phoneticPr fontId="3"/>
  </si>
  <si>
    <t>相模原市緑区牧野４８１９</t>
    <rPh sb="0" eb="4">
      <t>サガミハラシ</t>
    </rPh>
    <rPh sb="4" eb="6">
      <t>ミドリク</t>
    </rPh>
    <rPh sb="6" eb="8">
      <t>マキノ</t>
    </rPh>
    <phoneticPr fontId="3"/>
  </si>
  <si>
    <t>聴覚障害者福祉センター</t>
    <rPh sb="0" eb="4">
      <t>チョウカクショウガイ</t>
    </rPh>
    <rPh sb="4" eb="5">
      <t>シャ</t>
    </rPh>
    <rPh sb="5" eb="7">
      <t>フクシ</t>
    </rPh>
    <phoneticPr fontId="3"/>
  </si>
  <si>
    <t>川崎市多摩区生田４－２５－１</t>
    <rPh sb="0" eb="2">
      <t>カワサキ</t>
    </rPh>
    <rPh sb="2" eb="3">
      <t>シ</t>
    </rPh>
    <rPh sb="3" eb="6">
      <t>タマク</t>
    </rPh>
    <rPh sb="6" eb="8">
      <t>イクタ</t>
    </rPh>
    <phoneticPr fontId="3"/>
  </si>
  <si>
    <t>厚木市田村町２－２８</t>
    <rPh sb="0" eb="2">
      <t>アツギ</t>
    </rPh>
    <rPh sb="2" eb="3">
      <t>シ</t>
    </rPh>
    <rPh sb="3" eb="6">
      <t>タムラチョウ</t>
    </rPh>
    <phoneticPr fontId="3"/>
  </si>
  <si>
    <t>茅ヶ崎市汐見台１－７</t>
    <rPh sb="0" eb="7">
      <t>チガサキシシオミダイ</t>
    </rPh>
    <phoneticPr fontId="3"/>
  </si>
  <si>
    <t>相模原市緑区中野９３７－２</t>
    <rPh sb="0" eb="8">
      <t>サガミハラシミドリクナカノ</t>
    </rPh>
    <phoneticPr fontId="3"/>
  </si>
  <si>
    <t>葉山町堀内　</t>
    <rPh sb="0" eb="2">
      <t>ハヤマ</t>
    </rPh>
    <rPh sb="2" eb="3">
      <t>マチ</t>
    </rPh>
    <rPh sb="3" eb="5">
      <t>ホリウチ</t>
    </rPh>
    <phoneticPr fontId="3"/>
  </si>
  <si>
    <t>大磯町大磯　</t>
    <rPh sb="0" eb="3">
      <t>オオイソマチ</t>
    </rPh>
    <rPh sb="3" eb="5">
      <t>オオイソ</t>
    </rPh>
    <phoneticPr fontId="3"/>
  </si>
  <si>
    <t>三浦市三崎町城ヶ島</t>
    <rPh sb="0" eb="2">
      <t>ミウラ</t>
    </rPh>
    <rPh sb="2" eb="3">
      <t>シ</t>
    </rPh>
    <rPh sb="3" eb="5">
      <t>ミサキ</t>
    </rPh>
    <rPh sb="5" eb="6">
      <t>マチ</t>
    </rPh>
    <rPh sb="6" eb="9">
      <t>ジョウガシマ</t>
    </rPh>
    <phoneticPr fontId="3"/>
  </si>
  <si>
    <t>秦野市堀山下ほか</t>
    <rPh sb="0" eb="3">
      <t>ハダノシ</t>
    </rPh>
    <rPh sb="3" eb="6">
      <t>ホリヤマシタ</t>
    </rPh>
    <phoneticPr fontId="3"/>
  </si>
  <si>
    <t>伊勢原市三ノ宮ほか</t>
    <rPh sb="0" eb="4">
      <t>イセハラシ</t>
    </rPh>
    <rPh sb="4" eb="5">
      <t>サン</t>
    </rPh>
    <rPh sb="6" eb="7">
      <t>ミヤ</t>
    </rPh>
    <phoneticPr fontId="3"/>
  </si>
  <si>
    <t>茅ヶ崎市芹沢</t>
    <rPh sb="0" eb="3">
      <t>チガサキ</t>
    </rPh>
    <rPh sb="3" eb="4">
      <t>シ</t>
    </rPh>
    <rPh sb="4" eb="6">
      <t>セリザワ</t>
    </rPh>
    <phoneticPr fontId="3"/>
  </si>
  <si>
    <t>小田原市久野ほか</t>
    <rPh sb="0" eb="4">
      <t>オダワラシ</t>
    </rPh>
    <rPh sb="4" eb="6">
      <t>クノ</t>
    </rPh>
    <phoneticPr fontId="3"/>
  </si>
  <si>
    <t>厚木市七沢ほか</t>
    <rPh sb="0" eb="3">
      <t>アツギシ</t>
    </rPh>
    <rPh sb="3" eb="5">
      <t>ナナサワ</t>
    </rPh>
    <phoneticPr fontId="3"/>
  </si>
  <si>
    <t>相模原市南区下溝ほか</t>
    <rPh sb="0" eb="4">
      <t>サガミハラシ</t>
    </rPh>
    <rPh sb="4" eb="6">
      <t>ミナミク</t>
    </rPh>
    <rPh sb="6" eb="8">
      <t>シモミゾ</t>
    </rPh>
    <phoneticPr fontId="3"/>
  </si>
  <si>
    <t>相模原市緑区与瀬</t>
    <rPh sb="0" eb="4">
      <t>サガミハラシ</t>
    </rPh>
    <rPh sb="4" eb="6">
      <t>ミドリク</t>
    </rPh>
    <rPh sb="6" eb="8">
      <t>ヨセ</t>
    </rPh>
    <phoneticPr fontId="3"/>
  </si>
  <si>
    <t>相模原市緑区根小屋ほか</t>
    <rPh sb="0" eb="4">
      <t>サガミハラシ</t>
    </rPh>
    <rPh sb="4" eb="6">
      <t>ミドリク</t>
    </rPh>
    <rPh sb="6" eb="7">
      <t>ネ</t>
    </rPh>
    <rPh sb="7" eb="9">
      <t>コヤ</t>
    </rPh>
    <phoneticPr fontId="3"/>
  </si>
  <si>
    <t>横浜市保土ケ谷区花見台ほか</t>
    <rPh sb="0" eb="3">
      <t>ヨコハマシ</t>
    </rPh>
    <rPh sb="3" eb="7">
      <t>ホドガヤ</t>
    </rPh>
    <rPh sb="7" eb="8">
      <t>ク</t>
    </rPh>
    <rPh sb="8" eb="11">
      <t>ハナミダイ</t>
    </rPh>
    <phoneticPr fontId="3"/>
  </si>
  <si>
    <t>横浜市鶴見区三ツ池公園ほか</t>
    <rPh sb="0" eb="3">
      <t>ヨコハマシ</t>
    </rPh>
    <rPh sb="3" eb="6">
      <t>ツルミク</t>
    </rPh>
    <rPh sb="6" eb="7">
      <t>ミ</t>
    </rPh>
    <rPh sb="8" eb="9">
      <t>イケ</t>
    </rPh>
    <rPh sb="9" eb="11">
      <t>コウエン</t>
    </rPh>
    <phoneticPr fontId="3"/>
  </si>
  <si>
    <t>横浜市緑区寺山町・旭区上白根町</t>
    <rPh sb="0" eb="3">
      <t>ヨコハマシ</t>
    </rPh>
    <rPh sb="3" eb="5">
      <t>ミドリク</t>
    </rPh>
    <rPh sb="5" eb="7">
      <t>テラヤマ</t>
    </rPh>
    <rPh sb="7" eb="8">
      <t>マチ</t>
    </rPh>
    <rPh sb="9" eb="11">
      <t>アサヒク</t>
    </rPh>
    <rPh sb="11" eb="14">
      <t>カミシラネ</t>
    </rPh>
    <rPh sb="14" eb="15">
      <t>マチ</t>
    </rPh>
    <phoneticPr fontId="3"/>
  </si>
  <si>
    <t>藤沢水道営業所</t>
    <phoneticPr fontId="3"/>
  </si>
  <si>
    <t>ほか、車椅子利用者及び大型バス利用者専用の駐車スペースあり（要事前連絡）</t>
    <rPh sb="3" eb="6">
      <t>クルマイス</t>
    </rPh>
    <rPh sb="6" eb="9">
      <t>リヨウシャ</t>
    </rPh>
    <rPh sb="9" eb="10">
      <t>オヨ</t>
    </rPh>
    <rPh sb="11" eb="13">
      <t>オオガタ</t>
    </rPh>
    <rPh sb="15" eb="18">
      <t>リヨウシャ</t>
    </rPh>
    <rPh sb="18" eb="20">
      <t>センヨウ</t>
    </rPh>
    <rPh sb="21" eb="23">
      <t>チュウシャ</t>
    </rPh>
    <rPh sb="30" eb="31">
      <t>ヨウ</t>
    </rPh>
    <rPh sb="31" eb="33">
      <t>ジゼン</t>
    </rPh>
    <rPh sb="33" eb="35">
      <t>レンラク</t>
    </rPh>
    <phoneticPr fontId="3"/>
  </si>
  <si>
    <t>相模原市緑区川尻４４５４－３</t>
    <rPh sb="0" eb="4">
      <t>サガミハラシ</t>
    </rPh>
    <rPh sb="4" eb="6">
      <t>ミドリク</t>
    </rPh>
    <rPh sb="6" eb="8">
      <t>カワジリ</t>
    </rPh>
    <phoneticPr fontId="3"/>
  </si>
  <si>
    <t>優先駐車区画については、来校者用と共用。</t>
    <phoneticPr fontId="3"/>
  </si>
  <si>
    <t>横浜瀬谷高等学校</t>
    <rPh sb="0" eb="2">
      <t>ヨコハマ</t>
    </rPh>
    <phoneticPr fontId="3"/>
  </si>
  <si>
    <t>逗子葉山高等学校</t>
    <rPh sb="0" eb="2">
      <t>ズシ</t>
    </rPh>
    <rPh sb="2" eb="4">
      <t>ハヤマ</t>
    </rPh>
    <phoneticPr fontId="3"/>
  </si>
  <si>
    <t>相模原城山高等学校</t>
    <rPh sb="0" eb="3">
      <t>サガミハラ</t>
    </rPh>
    <phoneticPr fontId="3"/>
  </si>
  <si>
    <t>厚木王子高等学校</t>
    <rPh sb="2" eb="4">
      <t>オウジ</t>
    </rPh>
    <phoneticPr fontId="3"/>
  </si>
  <si>
    <t>鶴見支援学校</t>
    <rPh sb="2" eb="4">
      <t>シエン</t>
    </rPh>
    <phoneticPr fontId="3"/>
  </si>
  <si>
    <t>横浜市鶴見区駒岡４－４０－１</t>
    <rPh sb="0" eb="3">
      <t>ヨコハマシ</t>
    </rPh>
    <rPh sb="3" eb="6">
      <t>ツルミク</t>
    </rPh>
    <rPh sb="6" eb="8">
      <t>コマオカ</t>
    </rPh>
    <phoneticPr fontId="3"/>
  </si>
  <si>
    <t>金沢支援学校</t>
    <rPh sb="0" eb="2">
      <t>カナザワ</t>
    </rPh>
    <rPh sb="2" eb="4">
      <t>シエン</t>
    </rPh>
    <rPh sb="4" eb="6">
      <t>ガッコウ</t>
    </rPh>
    <phoneticPr fontId="3"/>
  </si>
  <si>
    <t>みどり支援学校</t>
    <rPh sb="3" eb="5">
      <t>シエン</t>
    </rPh>
    <phoneticPr fontId="3"/>
  </si>
  <si>
    <t>瀬谷支援学校</t>
    <rPh sb="2" eb="4">
      <t>シエン</t>
    </rPh>
    <phoneticPr fontId="3"/>
  </si>
  <si>
    <t>三ツ境支援学校</t>
    <rPh sb="3" eb="5">
      <t>シエン</t>
    </rPh>
    <phoneticPr fontId="3"/>
  </si>
  <si>
    <t>中原支援学校</t>
    <rPh sb="2" eb="4">
      <t>シエン</t>
    </rPh>
    <phoneticPr fontId="3"/>
  </si>
  <si>
    <t>高津支援学校</t>
    <rPh sb="2" eb="4">
      <t>シエン</t>
    </rPh>
    <phoneticPr fontId="3"/>
  </si>
  <si>
    <t>麻生支援学校</t>
    <rPh sb="0" eb="2">
      <t>アサオ</t>
    </rPh>
    <rPh sb="2" eb="4">
      <t>シエン</t>
    </rPh>
    <phoneticPr fontId="3"/>
  </si>
  <si>
    <t>津久井支援学校</t>
    <rPh sb="3" eb="5">
      <t>シエン</t>
    </rPh>
    <phoneticPr fontId="3"/>
  </si>
  <si>
    <t>相模原支援学校</t>
    <rPh sb="3" eb="5">
      <t>シエン</t>
    </rPh>
    <phoneticPr fontId="3"/>
  </si>
  <si>
    <t>武山支援学校</t>
    <rPh sb="2" eb="4">
      <t>シエン</t>
    </rPh>
    <phoneticPr fontId="3"/>
  </si>
  <si>
    <t>岩戸支援学校</t>
    <rPh sb="0" eb="2">
      <t>イワト</t>
    </rPh>
    <rPh sb="2" eb="4">
      <t>シエン</t>
    </rPh>
    <rPh sb="4" eb="6">
      <t>ガッコウ</t>
    </rPh>
    <phoneticPr fontId="3"/>
  </si>
  <si>
    <t>湘南支援学校</t>
    <rPh sb="2" eb="4">
      <t>シエン</t>
    </rPh>
    <phoneticPr fontId="3"/>
  </si>
  <si>
    <t>鎌倉支援学校</t>
    <rPh sb="2" eb="4">
      <t>シエン</t>
    </rPh>
    <phoneticPr fontId="3"/>
  </si>
  <si>
    <t>藤沢支援学校</t>
    <rPh sb="2" eb="4">
      <t>シエン</t>
    </rPh>
    <phoneticPr fontId="3"/>
  </si>
  <si>
    <t>茅ケ崎支援学校</t>
    <rPh sb="0" eb="3">
      <t>チガサキ</t>
    </rPh>
    <rPh sb="3" eb="5">
      <t>シエン</t>
    </rPh>
    <phoneticPr fontId="3"/>
  </si>
  <si>
    <t>秦野支援学校</t>
    <rPh sb="2" eb="4">
      <t>シエン</t>
    </rPh>
    <phoneticPr fontId="3"/>
  </si>
  <si>
    <t>座間支援学校</t>
    <rPh sb="2" eb="4">
      <t>シエン</t>
    </rPh>
    <phoneticPr fontId="3"/>
  </si>
  <si>
    <t>この他、青少年センターの駐車区画を利用</t>
    <rPh sb="2" eb="3">
      <t>タ</t>
    </rPh>
    <rPh sb="4" eb="7">
      <t>セイショウネン</t>
    </rPh>
    <rPh sb="12" eb="14">
      <t>チュウシャ</t>
    </rPh>
    <rPh sb="14" eb="16">
      <t>クカク</t>
    </rPh>
    <rPh sb="17" eb="19">
      <t>リヨウ</t>
    </rPh>
    <phoneticPr fontId="3"/>
  </si>
  <si>
    <t>要事前予約</t>
    <rPh sb="0" eb="1">
      <t>ヨウ</t>
    </rPh>
    <rPh sb="1" eb="3">
      <t>ジゼン</t>
    </rPh>
    <rPh sb="3" eb="5">
      <t>ヨヤク</t>
    </rPh>
    <phoneticPr fontId="3"/>
  </si>
  <si>
    <t>当館を利用する方に限ります。区画数が少ないため、ご利用される場合は、事前にお電話で予約してください。</t>
    <phoneticPr fontId="3"/>
  </si>
  <si>
    <t>未舗装（砂利敷き）</t>
    <rPh sb="0" eb="3">
      <t>ミホソウ</t>
    </rPh>
    <rPh sb="4" eb="7">
      <t>ジャリシ</t>
    </rPh>
    <phoneticPr fontId="3"/>
  </si>
  <si>
    <t>横浜市旭区本村町３３－５</t>
    <rPh sb="0" eb="8">
      <t>ヨコハマシアサヒクホンムラチョウ</t>
    </rPh>
    <phoneticPr fontId="3"/>
  </si>
  <si>
    <t>横須賀南警察署</t>
    <rPh sb="0" eb="4">
      <t>ヨコスカミナミ</t>
    </rPh>
    <rPh sb="4" eb="7">
      <t>ケイサツショ</t>
    </rPh>
    <phoneticPr fontId="3"/>
  </si>
  <si>
    <t>平塚市西八幡１－３－２</t>
    <rPh sb="0" eb="3">
      <t>ヒラツカシ</t>
    </rPh>
    <rPh sb="3" eb="4">
      <t>ニシ</t>
    </rPh>
    <rPh sb="4" eb="6">
      <t>ヤワタ</t>
    </rPh>
    <phoneticPr fontId="3"/>
  </si>
  <si>
    <t>相模原市中央区富士見１－１－１</t>
    <rPh sb="0" eb="4">
      <t>サガミハラシ</t>
    </rPh>
    <rPh sb="4" eb="7">
      <t>チュウオウク</t>
    </rPh>
    <rPh sb="7" eb="10">
      <t>フジミ</t>
    </rPh>
    <phoneticPr fontId="3"/>
  </si>
  <si>
    <t>相模原市緑区西橋本５－４－２５</t>
    <rPh sb="0" eb="4">
      <t>サガミハラシ</t>
    </rPh>
    <rPh sb="4" eb="6">
      <t>ミドリク</t>
    </rPh>
    <rPh sb="6" eb="7">
      <t>ニシ</t>
    </rPh>
    <rPh sb="7" eb="9">
      <t>ハシモト</t>
    </rPh>
    <phoneticPr fontId="3"/>
  </si>
  <si>
    <t>警察本部庁舎</t>
    <rPh sb="0" eb="2">
      <t>ケイサツ</t>
    </rPh>
    <rPh sb="2" eb="4">
      <t>ホンブ</t>
    </rPh>
    <rPh sb="4" eb="6">
      <t>チョウシャ</t>
    </rPh>
    <phoneticPr fontId="3"/>
  </si>
  <si>
    <t>横浜市中区海岸通２－４</t>
    <rPh sb="0" eb="3">
      <t>ヨコハマシ</t>
    </rPh>
    <rPh sb="3" eb="5">
      <t>ナカク</t>
    </rPh>
    <rPh sb="5" eb="8">
      <t>カイガンドオリ</t>
    </rPh>
    <phoneticPr fontId="3"/>
  </si>
  <si>
    <t>運転免許センター</t>
    <rPh sb="0" eb="2">
      <t>ウンテン</t>
    </rPh>
    <rPh sb="2" eb="4">
      <t>メンキョ</t>
    </rPh>
    <phoneticPr fontId="3"/>
  </si>
  <si>
    <t>海老名市中央５－５－１</t>
    <rPh sb="0" eb="4">
      <t>エビナシ</t>
    </rPh>
    <rPh sb="4" eb="6">
      <t>チュウオウ</t>
    </rPh>
    <phoneticPr fontId="3"/>
  </si>
  <si>
    <t>有料駐車場として貸付中。</t>
    <rPh sb="0" eb="2">
      <t>ユウリョウ</t>
    </rPh>
    <rPh sb="2" eb="4">
      <t>チュウシャ</t>
    </rPh>
    <rPh sb="4" eb="5">
      <t>バ</t>
    </rPh>
    <rPh sb="8" eb="10">
      <t>カシツケ</t>
    </rPh>
    <rPh sb="10" eb="11">
      <t>チュウ</t>
    </rPh>
    <phoneticPr fontId="3"/>
  </si>
  <si>
    <t>当所に相談等の用で来所する場合に限る。</t>
    <rPh sb="0" eb="2">
      <t>トウショ</t>
    </rPh>
    <rPh sb="3" eb="5">
      <t>ソウダン</t>
    </rPh>
    <rPh sb="5" eb="6">
      <t>トウ</t>
    </rPh>
    <rPh sb="7" eb="8">
      <t>ヨウ</t>
    </rPh>
    <rPh sb="9" eb="11">
      <t>ライショ</t>
    </rPh>
    <rPh sb="13" eb="15">
      <t>バアイ</t>
    </rPh>
    <rPh sb="16" eb="17">
      <t>カギ</t>
    </rPh>
    <phoneticPr fontId="3"/>
  </si>
  <si>
    <t>中小企業支援課小田原駐在事務所</t>
    <rPh sb="0" eb="2">
      <t>チュウショウ</t>
    </rPh>
    <rPh sb="2" eb="4">
      <t>キギョウ</t>
    </rPh>
    <rPh sb="4" eb="6">
      <t>シエン</t>
    </rPh>
    <rPh sb="6" eb="7">
      <t>カ</t>
    </rPh>
    <rPh sb="7" eb="10">
      <t>オダワラ</t>
    </rPh>
    <rPh sb="10" eb="12">
      <t>チュウザイ</t>
    </rPh>
    <rPh sb="12" eb="14">
      <t>ジム</t>
    </rPh>
    <rPh sb="14" eb="15">
      <t>ショ</t>
    </rPh>
    <phoneticPr fontId="3"/>
  </si>
  <si>
    <t>施設名</t>
    <phoneticPr fontId="3"/>
  </si>
  <si>
    <t>施設所在地（住所）</t>
    <rPh sb="2" eb="5">
      <t>ショザイチ</t>
    </rPh>
    <rPh sb="6" eb="8">
      <t>ジュウショ</t>
    </rPh>
    <phoneticPr fontId="3"/>
  </si>
  <si>
    <t>神奈川県</t>
    <rPh sb="0" eb="4">
      <t>カナガワケン</t>
    </rPh>
    <phoneticPr fontId="3"/>
  </si>
  <si>
    <t>藤沢市</t>
    <rPh sb="0" eb="3">
      <t>フジサワシ</t>
    </rPh>
    <phoneticPr fontId="3"/>
  </si>
  <si>
    <t>藤沢市役所</t>
    <rPh sb="0" eb="5">
      <t>フジサワシヤクショ</t>
    </rPh>
    <phoneticPr fontId="3"/>
  </si>
  <si>
    <t>・車椅子使用者用駐車区画のうち２台は本庁舎地下。
・優先駐車区画はハートフルパーキングとして設置済み。</t>
    <rPh sb="1" eb="4">
      <t>クルマイス</t>
    </rPh>
    <rPh sb="4" eb="8">
      <t>シヨウシャヨウ</t>
    </rPh>
    <rPh sb="8" eb="12">
      <t>チュウシャクカク</t>
    </rPh>
    <rPh sb="16" eb="17">
      <t>ダイ</t>
    </rPh>
    <rPh sb="18" eb="21">
      <t>ホンチョウシャ</t>
    </rPh>
    <rPh sb="21" eb="23">
      <t>チカ</t>
    </rPh>
    <rPh sb="26" eb="32">
      <t>ユウセンチュウシャクカク</t>
    </rPh>
    <rPh sb="46" eb="48">
      <t>セッチ</t>
    </rPh>
    <rPh sb="48" eb="49">
      <t>ズ</t>
    </rPh>
    <phoneticPr fontId="3"/>
  </si>
  <si>
    <t>藤沢市市民活動推進センター</t>
    <rPh sb="0" eb="3">
      <t>フジサワシ</t>
    </rPh>
    <rPh sb="3" eb="9">
      <t>シミンカツドウスイシン</t>
    </rPh>
    <phoneticPr fontId="3"/>
  </si>
  <si>
    <t>障害者用駐車スペースは地下1階</t>
  </si>
  <si>
    <t>六会市民センター・公民館</t>
    <rPh sb="0" eb="4">
      <t>ムツアイシミン</t>
    </rPh>
    <rPh sb="9" eb="12">
      <t>コウミンカン</t>
    </rPh>
    <phoneticPr fontId="3"/>
  </si>
  <si>
    <t>石川コミュニティセンター・六会市民センター石川分館</t>
    <rPh sb="0" eb="2">
      <t>イシカワ</t>
    </rPh>
    <rPh sb="13" eb="17">
      <t>ムツアイシミン</t>
    </rPh>
    <rPh sb="21" eb="23">
      <t>イシカワ</t>
    </rPh>
    <rPh sb="23" eb="25">
      <t>ブンカン</t>
    </rPh>
    <phoneticPr fontId="3"/>
  </si>
  <si>
    <t>片瀬市民センター・公民館</t>
    <rPh sb="0" eb="4">
      <t>カタセシミン</t>
    </rPh>
    <rPh sb="9" eb="12">
      <t>コウミンカン</t>
    </rPh>
    <phoneticPr fontId="3"/>
  </si>
  <si>
    <t>明治市民センター・公民館</t>
    <rPh sb="0" eb="4">
      <t>メイジシミン</t>
    </rPh>
    <phoneticPr fontId="3"/>
  </si>
  <si>
    <t>御所見市民センター・公民館</t>
    <rPh sb="0" eb="3">
      <t>ゴショミ</t>
    </rPh>
    <rPh sb="3" eb="5">
      <t>シミン</t>
    </rPh>
    <phoneticPr fontId="3"/>
  </si>
  <si>
    <t>遠藤市民センター・公民館</t>
    <rPh sb="0" eb="4">
      <t>エンドウシミン</t>
    </rPh>
    <phoneticPr fontId="3"/>
  </si>
  <si>
    <t>長後市民センター・公民館</t>
    <rPh sb="0" eb="4">
      <t>チョウゴシミン</t>
    </rPh>
    <rPh sb="9" eb="12">
      <t>コウミンカン</t>
    </rPh>
    <phoneticPr fontId="3"/>
  </si>
  <si>
    <t>辻堂市民センター・公民館</t>
    <rPh sb="0" eb="4">
      <t>ツジドウシミン</t>
    </rPh>
    <rPh sb="9" eb="12">
      <t>コウミンカン</t>
    </rPh>
    <phoneticPr fontId="3"/>
  </si>
  <si>
    <t>善行市民センター・公民館</t>
    <rPh sb="0" eb="2">
      <t>ゼンギョウ</t>
    </rPh>
    <rPh sb="2" eb="4">
      <t>シミン</t>
    </rPh>
    <phoneticPr fontId="3"/>
  </si>
  <si>
    <t>湘南大庭市民センター・公民館</t>
    <rPh sb="0" eb="6">
      <t>ショウナンオオバシミン</t>
    </rPh>
    <phoneticPr fontId="3"/>
  </si>
  <si>
    <t>鵠沼市民センター・公民館</t>
    <rPh sb="0" eb="4">
      <t>クゲヌマシミン</t>
    </rPh>
    <rPh sb="9" eb="12">
      <t>コウミンカン</t>
    </rPh>
    <phoneticPr fontId="3"/>
  </si>
  <si>
    <t>Fプレイス(藤沢市藤沢公民館・労働会館等複合施設)</t>
    <rPh sb="6" eb="9">
      <t>フジサワシ</t>
    </rPh>
    <rPh sb="9" eb="11">
      <t>フジサワ</t>
    </rPh>
    <rPh sb="11" eb="14">
      <t>コウミンカン</t>
    </rPh>
    <rPh sb="15" eb="17">
      <t>ロウドウ</t>
    </rPh>
    <rPh sb="17" eb="19">
      <t>カイカン</t>
    </rPh>
    <rPh sb="19" eb="20">
      <t>トウ</t>
    </rPh>
    <rPh sb="20" eb="22">
      <t>フクゴウ</t>
    </rPh>
    <rPh sb="22" eb="24">
      <t>シセツ</t>
    </rPh>
    <phoneticPr fontId="3"/>
  </si>
  <si>
    <t>片瀬しおさいセンター</t>
    <rPh sb="0" eb="2">
      <t>カタセ</t>
    </rPh>
    <phoneticPr fontId="3"/>
  </si>
  <si>
    <t>藤沢市民会館</t>
    <rPh sb="0" eb="6">
      <t>フジサワシミンカイカン</t>
    </rPh>
    <phoneticPr fontId="3"/>
  </si>
  <si>
    <t>湘南台文化センター</t>
    <rPh sb="0" eb="3">
      <t>ショウナンダイ</t>
    </rPh>
    <rPh sb="3" eb="5">
      <t>ブンカ</t>
    </rPh>
    <phoneticPr fontId="3"/>
  </si>
  <si>
    <t>湘南台市民センター・公民館と共同で利用</t>
    <rPh sb="0" eb="3">
      <t>ショウナンダイ</t>
    </rPh>
    <rPh sb="3" eb="5">
      <t>シミン</t>
    </rPh>
    <rPh sb="10" eb="13">
      <t>コウミンカン</t>
    </rPh>
    <rPh sb="14" eb="16">
      <t>キョウドウ</t>
    </rPh>
    <rPh sb="17" eb="19">
      <t>リヨウ</t>
    </rPh>
    <phoneticPr fontId="3"/>
  </si>
  <si>
    <t>石名坂温水プール</t>
    <rPh sb="0" eb="5">
      <t>イシナザカオンスイ</t>
    </rPh>
    <phoneticPr fontId="3"/>
  </si>
  <si>
    <t>天神スポーツ広場</t>
    <rPh sb="0" eb="2">
      <t>テンジン</t>
    </rPh>
    <rPh sb="6" eb="8">
      <t>ヒロバ</t>
    </rPh>
    <phoneticPr fontId="3"/>
  </si>
  <si>
    <t>通常の駐車場とは別に正面出入口付近に１台分スペースを確保</t>
    <rPh sb="0" eb="2">
      <t>ツウジョウ</t>
    </rPh>
    <phoneticPr fontId="3"/>
  </si>
  <si>
    <t>通常の駐車場は湘南大庭市民センター・公民館と共同で利用</t>
    <rPh sb="0" eb="2">
      <t>ツウジョウ</t>
    </rPh>
    <rPh sb="3" eb="6">
      <t>チュウシャジョウ</t>
    </rPh>
    <rPh sb="7" eb="9">
      <t>ショウナン</t>
    </rPh>
    <rPh sb="18" eb="21">
      <t>コウミンカン</t>
    </rPh>
    <rPh sb="22" eb="24">
      <t>キョウドウ</t>
    </rPh>
    <phoneticPr fontId="3"/>
  </si>
  <si>
    <t>藤沢市老人福祉センターやすらぎ荘</t>
    <rPh sb="15" eb="16">
      <t>ソウ</t>
    </rPh>
    <phoneticPr fontId="3"/>
  </si>
  <si>
    <t>藤沢市老人福祉センターこぶし荘</t>
    <phoneticPr fontId="3"/>
  </si>
  <si>
    <t>環境事業センター</t>
    <rPh sb="0" eb="2">
      <t>カンキョウ</t>
    </rPh>
    <rPh sb="2" eb="4">
      <t>ジギョウ</t>
    </rPh>
    <phoneticPr fontId="3"/>
  </si>
  <si>
    <t>他に業務用駐車スペースあり</t>
    <rPh sb="0" eb="1">
      <t>タ</t>
    </rPh>
    <rPh sb="2" eb="5">
      <t>ギョウムヨウ</t>
    </rPh>
    <rPh sb="5" eb="7">
      <t>チュウシャ</t>
    </rPh>
    <phoneticPr fontId="3"/>
  </si>
  <si>
    <t>藤沢市保健医療センター</t>
    <rPh sb="0" eb="3">
      <t>フジサワシ</t>
    </rPh>
    <rPh sb="3" eb="5">
      <t>ホケン</t>
    </rPh>
    <rPh sb="5" eb="7">
      <t>イリョウ</t>
    </rPh>
    <phoneticPr fontId="3"/>
  </si>
  <si>
    <t>新林公園</t>
    <rPh sb="0" eb="2">
      <t>シンバヤシ</t>
    </rPh>
    <rPh sb="2" eb="4">
      <t>コウエン</t>
    </rPh>
    <phoneticPr fontId="3"/>
  </si>
  <si>
    <t>長久保公園</t>
    <rPh sb="0" eb="3">
      <t>ナガクボ</t>
    </rPh>
    <rPh sb="3" eb="5">
      <t>コウエン</t>
    </rPh>
    <phoneticPr fontId="3"/>
  </si>
  <si>
    <t>遠藤笹窪谷公園</t>
    <rPh sb="0" eb="5">
      <t>エンドウササクボタニ</t>
    </rPh>
    <rPh sb="5" eb="7">
      <t>コウエン</t>
    </rPh>
    <phoneticPr fontId="3"/>
  </si>
  <si>
    <t>藤沢市民病院</t>
    <rPh sb="0" eb="6">
      <t>フジサワシミンビョウイン</t>
    </rPh>
    <phoneticPr fontId="3"/>
  </si>
  <si>
    <t>藤沢市保健所・南保健センター</t>
    <rPh sb="0" eb="3">
      <t>フジサワシ</t>
    </rPh>
    <rPh sb="3" eb="6">
      <t>ホケンジョ</t>
    </rPh>
    <rPh sb="7" eb="8">
      <t>ミナミ</t>
    </rPh>
    <rPh sb="8" eb="10">
      <t>ホケン</t>
    </rPh>
    <phoneticPr fontId="3"/>
  </si>
  <si>
    <t>茅ヶ崎市</t>
  </si>
  <si>
    <t>茅ヶ崎市役所
（茅ヶ崎第２駐車場）</t>
  </si>
  <si>
    <t>茅ヶ崎市茅ヶ崎１－１－１</t>
    <rPh sb="0" eb="4">
      <t>チガサキシ</t>
    </rPh>
    <phoneticPr fontId="3"/>
  </si>
  <si>
    <t>小出地区コミュニティセンター</t>
  </si>
  <si>
    <t>コミュニティセンター湘南</t>
  </si>
  <si>
    <t>茅ヶ崎地区コミュニティセンター</t>
  </si>
  <si>
    <t>鶴嶺東コミュニティセンター</t>
  </si>
  <si>
    <t>鶴嶺西コミュニティセンター</t>
  </si>
  <si>
    <t>高砂コミュニティセンター</t>
  </si>
  <si>
    <t>松浪コミュニティセンター</t>
  </si>
  <si>
    <t>茅ヶ崎市民活動サポートセンター</t>
  </si>
  <si>
    <t>小出支所</t>
    <rPh sb="0" eb="4">
      <t>コイデシショ</t>
    </rPh>
    <phoneticPr fontId="3"/>
  </si>
  <si>
    <t>斎場</t>
    <rPh sb="0" eb="2">
      <t>サイジョウ</t>
    </rPh>
    <phoneticPr fontId="3"/>
  </si>
  <si>
    <t>茅ヶ崎市美術館</t>
  </si>
  <si>
    <t>茅ヶ崎市開高健記念館・茅ヶ崎ゆかりの人物館</t>
  </si>
  <si>
    <t>茅ヶ崎市南西部複合施設（ハマミーナ）</t>
  </si>
  <si>
    <t>市民文化会館
（茅ヶ崎第4駐車場）</t>
  </si>
  <si>
    <t>総合体育館
（茅ヶ崎第３駐車場）</t>
    <rPh sb="7" eb="10">
      <t>チガサキ</t>
    </rPh>
    <rPh sb="10" eb="11">
      <t>ダイ</t>
    </rPh>
    <rPh sb="12" eb="15">
      <t>チュウシャジョウ</t>
    </rPh>
    <phoneticPr fontId="3"/>
  </si>
  <si>
    <t>茅ヶ崎市茅ヶ崎１－９－６３</t>
    <rPh sb="0" eb="4">
      <t>チガサキシ</t>
    </rPh>
    <phoneticPr fontId="3"/>
  </si>
  <si>
    <t>芹沢スポーツ広場</t>
  </si>
  <si>
    <t>堤スポーツ広場</t>
  </si>
  <si>
    <t>茅ヶ崎市堤１３１６</t>
    <rPh sb="0" eb="4">
      <t>チガサキシ</t>
    </rPh>
    <phoneticPr fontId="3"/>
  </si>
  <si>
    <t>屋内温水プール</t>
  </si>
  <si>
    <t>茅ヶ崎市萩園８２０</t>
    <rPh sb="0" eb="4">
      <t>チガサキシ</t>
    </rPh>
    <phoneticPr fontId="3"/>
  </si>
  <si>
    <t>柳島スポーツ公園</t>
  </si>
  <si>
    <t>茅ヶ崎市柳島１９００</t>
    <rPh sb="0" eb="4">
      <t>チガサキシ</t>
    </rPh>
    <phoneticPr fontId="3"/>
  </si>
  <si>
    <t>老人憩の家 しおさい南湖</t>
  </si>
  <si>
    <t>老人憩の家 萩園いこいの里</t>
  </si>
  <si>
    <t>こどもセンター</t>
  </si>
  <si>
    <t>環境事業センター</t>
    <rPh sb="0" eb="4">
      <t>カンキョウジギョウ</t>
    </rPh>
    <phoneticPr fontId="3"/>
  </si>
  <si>
    <t>茅ヶ崎市萩園８３６</t>
    <rPh sb="0" eb="4">
      <t>チガサキシ</t>
    </rPh>
    <rPh sb="4" eb="6">
      <t>ハギソノ</t>
    </rPh>
    <phoneticPr fontId="3"/>
  </si>
  <si>
    <t>市営浜須賀水泳プール（はまぷー）</t>
  </si>
  <si>
    <t>プール開放時期のみ利用可</t>
    <rPh sb="11" eb="12">
      <t>カ</t>
    </rPh>
    <phoneticPr fontId="3"/>
  </si>
  <si>
    <t>茅ヶ崎公園</t>
    <phoneticPr fontId="3"/>
  </si>
  <si>
    <t>茅ヶ崎市中海岸３－１１４８３</t>
    <rPh sb="0" eb="4">
      <t>チガサキシ</t>
    </rPh>
    <phoneticPr fontId="3"/>
  </si>
  <si>
    <t>ちがさき柳島キャンプ場</t>
  </si>
  <si>
    <t>湘南夢わくわく公園</t>
  </si>
  <si>
    <t>茅ヶ崎市中島１４５１－１</t>
    <rPh sb="0" eb="4">
      <t>チガサキシ</t>
    </rPh>
    <phoneticPr fontId="3"/>
  </si>
  <si>
    <t>柳島しおさい公園</t>
  </si>
  <si>
    <t>氷室椿庭園</t>
  </si>
  <si>
    <t>茅ヶ崎市東海岸南３－２－４１</t>
    <rPh sb="0" eb="4">
      <t>チガサキシ</t>
    </rPh>
    <phoneticPr fontId="3"/>
  </si>
  <si>
    <t>要事前予約</t>
    <rPh sb="0" eb="3">
      <t>ヨウジゼン</t>
    </rPh>
    <rPh sb="3" eb="5">
      <t>ヨヤク</t>
    </rPh>
    <phoneticPr fontId="3"/>
  </si>
  <si>
    <t>柳島記念館</t>
  </si>
  <si>
    <t>保健所</t>
  </si>
  <si>
    <t>茅ヶ崎市茅ヶ崎１－８－７</t>
  </si>
  <si>
    <t>茅ヶ崎市地域医療センター</t>
  </si>
  <si>
    <t>茅ヶ崎市立病院</t>
  </si>
  <si>
    <t>史跡・天然記念物　旧相模川橋脚</t>
  </si>
  <si>
    <t>茅ヶ崎市博物館</t>
  </si>
  <si>
    <t>小和田公民館</t>
  </si>
  <si>
    <t>鶴嶺公民館</t>
  </si>
  <si>
    <t>香川公民館</t>
  </si>
  <si>
    <t>茅ヶ崎公園体験学習センターうみかぜテラス</t>
    <phoneticPr fontId="3"/>
  </si>
  <si>
    <t>青少年会館</t>
  </si>
  <si>
    <t>図書館</t>
  </si>
  <si>
    <t>茅ヶ崎市東海岸北１－４－５５</t>
  </si>
  <si>
    <t>秦野市</t>
    <rPh sb="0" eb="3">
      <t>ハダノシ</t>
    </rPh>
    <phoneticPr fontId="3"/>
  </si>
  <si>
    <t>秦野市役所　本庁舎</t>
    <rPh sb="0" eb="3">
      <t>ハダノシ</t>
    </rPh>
    <rPh sb="3" eb="5">
      <t>ヤクショ</t>
    </rPh>
    <rPh sb="6" eb="7">
      <t>ホン</t>
    </rPh>
    <rPh sb="7" eb="9">
      <t>チョウシャ</t>
    </rPh>
    <phoneticPr fontId="1"/>
  </si>
  <si>
    <t>秦野市役所　西庁舎</t>
    <rPh sb="6" eb="7">
      <t>ニシ</t>
    </rPh>
    <rPh sb="7" eb="9">
      <t>チョウシャ</t>
    </rPh>
    <phoneticPr fontId="1"/>
  </si>
  <si>
    <t>秦野市役所　東庁舎</t>
    <rPh sb="6" eb="7">
      <t>ヒガシ</t>
    </rPh>
    <rPh sb="7" eb="9">
      <t>チョウシャ</t>
    </rPh>
    <phoneticPr fontId="1"/>
  </si>
  <si>
    <t>秦野市役所　教育庁舎</t>
    <rPh sb="6" eb="8">
      <t>キョウイク</t>
    </rPh>
    <rPh sb="8" eb="10">
      <t>チョウシャ</t>
    </rPh>
    <phoneticPr fontId="1"/>
  </si>
  <si>
    <t>秦野市</t>
    <rPh sb="0" eb="3">
      <t>ハダノシ</t>
    </rPh>
    <phoneticPr fontId="2"/>
  </si>
  <si>
    <t>クアーズテック秦野カルチャーホーム</t>
    <rPh sb="7" eb="9">
      <t>ハダノ</t>
    </rPh>
    <phoneticPr fontId="1"/>
  </si>
  <si>
    <t>カルチャーパーク</t>
  </si>
  <si>
    <t>メタックス体育館はだの（総合体育館）</t>
  </si>
  <si>
    <t>ペコちゃん公園はだの（中央こども公園）</t>
  </si>
  <si>
    <t>NITTANパークおおね（おおね公園）</t>
  </si>
  <si>
    <t>今泉名水桜公園</t>
    <rPh sb="0" eb="7">
      <t>イマイズミメイスイサクラコウエン</t>
    </rPh>
    <phoneticPr fontId="2"/>
  </si>
  <si>
    <t>サンライフ鶴巻</t>
  </si>
  <si>
    <t>はだの歴史博物館</t>
  </si>
  <si>
    <t>本町公民館</t>
  </si>
  <si>
    <t>南公民館</t>
  </si>
  <si>
    <t>南が丘公民館</t>
  </si>
  <si>
    <t>東公民館</t>
  </si>
  <si>
    <t>北公民館</t>
  </si>
  <si>
    <t>大根公民館</t>
  </si>
  <si>
    <t>鶴巻公民館</t>
  </si>
  <si>
    <t>西公民館</t>
  </si>
  <si>
    <t>渋沢公民館</t>
  </si>
  <si>
    <t>堀川公民館</t>
  </si>
  <si>
    <t>上公民館</t>
  </si>
  <si>
    <t>表丹沢野外活動センター</t>
  </si>
  <si>
    <t>はだのこども館</t>
    <rPh sb="6" eb="7">
      <t>カン</t>
    </rPh>
    <phoneticPr fontId="1"/>
  </si>
  <si>
    <t>広畑ふれあいプラザ</t>
  </si>
  <si>
    <t>末広ふれあいセンター</t>
  </si>
  <si>
    <t>ほうらい会館</t>
  </si>
  <si>
    <t>保健福祉センター</t>
  </si>
  <si>
    <t>中野健康センター</t>
  </si>
  <si>
    <t>里山ふれあいセンター</t>
  </si>
  <si>
    <t>田原ふるさと公園</t>
  </si>
  <si>
    <t>弘法の里湯</t>
    <rPh sb="0" eb="2">
      <t>コウボウ</t>
    </rPh>
    <rPh sb="3" eb="4">
      <t>サト</t>
    </rPh>
    <rPh sb="4" eb="5">
      <t>ユ</t>
    </rPh>
    <phoneticPr fontId="1"/>
  </si>
  <si>
    <t>名水はだの富士見の湯</t>
    <rPh sb="0" eb="2">
      <t>メイスイ</t>
    </rPh>
    <rPh sb="5" eb="8">
      <t>フジミ</t>
    </rPh>
    <rPh sb="9" eb="10">
      <t>ユ</t>
    </rPh>
    <phoneticPr fontId="2"/>
  </si>
  <si>
    <t>上下水道局</t>
  </si>
  <si>
    <t>伊勢原市</t>
    <rPh sb="0" eb="4">
      <t>イセハラシ</t>
    </rPh>
    <phoneticPr fontId="3"/>
  </si>
  <si>
    <t>伊勢原市行政センター地区駐車場</t>
    <rPh sb="0" eb="3">
      <t>イセハラ</t>
    </rPh>
    <rPh sb="3" eb="4">
      <t>シ</t>
    </rPh>
    <rPh sb="4" eb="6">
      <t>ギョウセイ</t>
    </rPh>
    <rPh sb="10" eb="12">
      <t>チク</t>
    </rPh>
    <rPh sb="12" eb="15">
      <t>チュウシャジョウ</t>
    </rPh>
    <phoneticPr fontId="3"/>
  </si>
  <si>
    <t>伊勢原市役所分室駐車場</t>
    <rPh sb="0" eb="3">
      <t>イセハラ</t>
    </rPh>
    <rPh sb="3" eb="6">
      <t>シヤクショ</t>
    </rPh>
    <rPh sb="6" eb="8">
      <t>ブンシツ</t>
    </rPh>
    <rPh sb="8" eb="11">
      <t>チュウシャジョウ</t>
    </rPh>
    <phoneticPr fontId="3"/>
  </si>
  <si>
    <t>伊勢原市駅北口臨時駐車場</t>
    <rPh sb="0" eb="12">
      <t>イセハラシエキキタグチリンジチュウシャジョウ</t>
    </rPh>
    <phoneticPr fontId="3"/>
  </si>
  <si>
    <t>いせはら市民活動サポートセンター</t>
    <rPh sb="4" eb="6">
      <t>シミン</t>
    </rPh>
    <rPh sb="6" eb="8">
      <t>カツドウ</t>
    </rPh>
    <phoneticPr fontId="3"/>
  </si>
  <si>
    <t>伊勢原市田中２９７</t>
    <rPh sb="0" eb="4">
      <t>イセハラシ</t>
    </rPh>
    <rPh sb="4" eb="6">
      <t>タナカ</t>
    </rPh>
    <phoneticPr fontId="3"/>
  </si>
  <si>
    <t>伊勢原南コミュニティセンター</t>
    <rPh sb="0" eb="3">
      <t>イセハラ</t>
    </rPh>
    <rPh sb="3" eb="4">
      <t>ミナミ</t>
    </rPh>
    <phoneticPr fontId="3"/>
  </si>
  <si>
    <t>伊勢原市桜台５－１２－１８</t>
    <rPh sb="0" eb="4">
      <t>イセハラシ</t>
    </rPh>
    <rPh sb="4" eb="6">
      <t>サクラダイ</t>
    </rPh>
    <phoneticPr fontId="3"/>
  </si>
  <si>
    <t>八幡谷戸ふれあいガーデン</t>
    <rPh sb="0" eb="4">
      <t>ハチマンタニド</t>
    </rPh>
    <phoneticPr fontId="3"/>
  </si>
  <si>
    <t>伊勢原シティプラザ</t>
    <rPh sb="0" eb="3">
      <t>イセハラ</t>
    </rPh>
    <phoneticPr fontId="3"/>
  </si>
  <si>
    <t>伊勢原市障害福祉センター　すこやか園</t>
    <rPh sb="0" eb="4">
      <t>イセハラシ</t>
    </rPh>
    <rPh sb="4" eb="6">
      <t>ショウガイ</t>
    </rPh>
    <rPh sb="6" eb="8">
      <t>フクシ</t>
    </rPh>
    <rPh sb="17" eb="18">
      <t>エン</t>
    </rPh>
    <phoneticPr fontId="3"/>
  </si>
  <si>
    <t>伊勢原市障害福祉センター　地域作業所ドリーム</t>
    <rPh sb="0" eb="4">
      <t>イセハラシ</t>
    </rPh>
    <rPh sb="4" eb="6">
      <t>ショウガイ</t>
    </rPh>
    <rPh sb="6" eb="8">
      <t>フクシ</t>
    </rPh>
    <rPh sb="13" eb="18">
      <t>チイキサギョウジョ</t>
    </rPh>
    <phoneticPr fontId="3"/>
  </si>
  <si>
    <t>伊勢原市児童発達支援センター　おおきな樹</t>
    <rPh sb="0" eb="4">
      <t>イセハラシ</t>
    </rPh>
    <rPh sb="4" eb="10">
      <t>ジドウハッタツシエン</t>
    </rPh>
    <rPh sb="19" eb="20">
      <t>キ</t>
    </rPh>
    <phoneticPr fontId="3"/>
  </si>
  <si>
    <t>伊勢原市総合運動公園</t>
    <rPh sb="0" eb="4">
      <t>イセハラシ</t>
    </rPh>
    <rPh sb="4" eb="6">
      <t>ソウゴウ</t>
    </rPh>
    <rPh sb="6" eb="8">
      <t>ウンドウ</t>
    </rPh>
    <rPh sb="8" eb="10">
      <t>コウエン</t>
    </rPh>
    <phoneticPr fontId="3"/>
  </si>
  <si>
    <t>伊勢原市西富岡３２０</t>
    <rPh sb="0" eb="4">
      <t>イセハラシ</t>
    </rPh>
    <rPh sb="4" eb="7">
      <t>ニシトミオカ</t>
    </rPh>
    <phoneticPr fontId="3"/>
  </si>
  <si>
    <t>市ノ坪公園</t>
    <rPh sb="0" eb="1">
      <t>イチ</t>
    </rPh>
    <rPh sb="2" eb="3">
      <t>ツボ</t>
    </rPh>
    <rPh sb="3" eb="5">
      <t>コウエン</t>
    </rPh>
    <phoneticPr fontId="3"/>
  </si>
  <si>
    <t>伊勢原市鈴川８</t>
    <rPh sb="4" eb="6">
      <t>スズカワ</t>
    </rPh>
    <phoneticPr fontId="3"/>
  </si>
  <si>
    <t>市民の森ふじやま公園</t>
    <rPh sb="0" eb="2">
      <t>シミン</t>
    </rPh>
    <rPh sb="3" eb="4">
      <t>モリ</t>
    </rPh>
    <rPh sb="8" eb="10">
      <t>コウエン</t>
    </rPh>
    <phoneticPr fontId="3"/>
  </si>
  <si>
    <t>伊勢原市東富岡１３４</t>
    <rPh sb="4" eb="7">
      <t>ヒガシトミオカ</t>
    </rPh>
    <phoneticPr fontId="3"/>
  </si>
  <si>
    <t>丸山城址公園</t>
    <rPh sb="0" eb="6">
      <t>マルヤマジョウシコウエン</t>
    </rPh>
    <phoneticPr fontId="3"/>
  </si>
  <si>
    <t>下糟屋公園</t>
    <rPh sb="0" eb="3">
      <t>シモカスヤ</t>
    </rPh>
    <rPh sb="3" eb="5">
      <t>コウエン</t>
    </rPh>
    <phoneticPr fontId="3"/>
  </si>
  <si>
    <t>伊勢原市下糟屋１７１８－１</t>
    <rPh sb="4" eb="7">
      <t>シモカスヤ</t>
    </rPh>
    <phoneticPr fontId="3"/>
  </si>
  <si>
    <t>海老名市</t>
    <rPh sb="0" eb="4">
      <t>エビナシ</t>
    </rPh>
    <phoneticPr fontId="3"/>
  </si>
  <si>
    <t>市庁舎</t>
    <rPh sb="0" eb="3">
      <t>シチョウシャ</t>
    </rPh>
    <phoneticPr fontId="3"/>
  </si>
  <si>
    <t>海老名市勝瀬１７５－１</t>
    <rPh sb="0" eb="4">
      <t>エビナシ</t>
    </rPh>
    <rPh sb="4" eb="6">
      <t>カツセ</t>
    </rPh>
    <phoneticPr fontId="3"/>
  </si>
  <si>
    <t>えびな市民活動センター</t>
    <rPh sb="3" eb="7">
      <t>シミンカツドウ</t>
    </rPh>
    <phoneticPr fontId="3"/>
  </si>
  <si>
    <t>海老名運動公園</t>
    <rPh sb="0" eb="3">
      <t>エビナ</t>
    </rPh>
    <rPh sb="3" eb="7">
      <t>ウンドウコウエン</t>
    </rPh>
    <phoneticPr fontId="3"/>
  </si>
  <si>
    <t>北部公園</t>
    <rPh sb="0" eb="4">
      <t>ホクブコウエン</t>
    </rPh>
    <phoneticPr fontId="3"/>
  </si>
  <si>
    <t>中野公園</t>
    <rPh sb="0" eb="2">
      <t>ナカノ</t>
    </rPh>
    <rPh sb="2" eb="4">
      <t>コウエン</t>
    </rPh>
    <phoneticPr fontId="3"/>
  </si>
  <si>
    <t>今里庭球場</t>
    <rPh sb="0" eb="2">
      <t>イマザト</t>
    </rPh>
    <rPh sb="2" eb="5">
      <t>テイキュウジョウ</t>
    </rPh>
    <phoneticPr fontId="3"/>
  </si>
  <si>
    <t>文化会館（中央図書館、総合福祉会館と共用）</t>
    <rPh sb="0" eb="2">
      <t>ブンカ</t>
    </rPh>
    <rPh sb="2" eb="4">
      <t>カイカン</t>
    </rPh>
    <rPh sb="5" eb="10">
      <t>チュウオウトショカン</t>
    </rPh>
    <rPh sb="11" eb="17">
      <t>ソウゴウフクシカイカン</t>
    </rPh>
    <rPh sb="18" eb="20">
      <t>キョウヨウ</t>
    </rPh>
    <phoneticPr fontId="3"/>
  </si>
  <si>
    <t>柏ケ谷コミュニティセンター</t>
    <rPh sb="0" eb="3">
      <t>カシワガヤ</t>
    </rPh>
    <phoneticPr fontId="3"/>
  </si>
  <si>
    <t>大谷コミュニティセンター</t>
    <rPh sb="0" eb="2">
      <t>オオヤ</t>
    </rPh>
    <phoneticPr fontId="3"/>
  </si>
  <si>
    <t>中新田コミュニティセンター</t>
    <rPh sb="0" eb="3">
      <t>ナカシンデン</t>
    </rPh>
    <phoneticPr fontId="3"/>
  </si>
  <si>
    <t>上今泉コミュニティセンター</t>
    <rPh sb="0" eb="3">
      <t>カミイマイズミ</t>
    </rPh>
    <phoneticPr fontId="3"/>
  </si>
  <si>
    <t>国分コミュニティセンター</t>
    <rPh sb="0" eb="2">
      <t>コクブ</t>
    </rPh>
    <phoneticPr fontId="3"/>
  </si>
  <si>
    <t>杉久保コミュニティセンター</t>
    <rPh sb="0" eb="3">
      <t>スギクボ</t>
    </rPh>
    <phoneticPr fontId="3"/>
  </si>
  <si>
    <t>門沢橋コミュニティセンター</t>
    <rPh sb="0" eb="3">
      <t>カドサワバシ</t>
    </rPh>
    <phoneticPr fontId="3"/>
  </si>
  <si>
    <t>本郷コミュニティセンター</t>
    <rPh sb="0" eb="2">
      <t>ホンゴウ</t>
    </rPh>
    <phoneticPr fontId="3"/>
  </si>
  <si>
    <t>社家コミュニティセンター</t>
    <rPh sb="0" eb="2">
      <t>シャケ</t>
    </rPh>
    <phoneticPr fontId="3"/>
  </si>
  <si>
    <t>下今泉コミュニティセンター</t>
    <rPh sb="0" eb="3">
      <t>シモイマイズミ</t>
    </rPh>
    <phoneticPr fontId="3"/>
  </si>
  <si>
    <t>海老名市立総合福祉会館</t>
    <rPh sb="0" eb="4">
      <t>エビナシ</t>
    </rPh>
    <rPh sb="4" eb="5">
      <t>リツ</t>
    </rPh>
    <rPh sb="5" eb="7">
      <t>ソウゴウ</t>
    </rPh>
    <rPh sb="7" eb="9">
      <t>フクシ</t>
    </rPh>
    <rPh sb="9" eb="11">
      <t>カイカン</t>
    </rPh>
    <phoneticPr fontId="3"/>
  </si>
  <si>
    <t>海老名市立第一高齢者生きがい会館</t>
    <rPh sb="5" eb="11">
      <t>ダイイチコウレイシャイ</t>
    </rPh>
    <rPh sb="14" eb="16">
      <t>カイカン</t>
    </rPh>
    <phoneticPr fontId="3"/>
  </si>
  <si>
    <t>海老名市杉久保北２－３－４</t>
    <rPh sb="0" eb="4">
      <t>エビナシ</t>
    </rPh>
    <rPh sb="4" eb="7">
      <t>スギクボ</t>
    </rPh>
    <rPh sb="7" eb="8">
      <t>キタ</t>
    </rPh>
    <phoneticPr fontId="3"/>
  </si>
  <si>
    <t>海老名市立第二高齢者生きがい会館</t>
    <rPh sb="5" eb="7">
      <t>ダイニ</t>
    </rPh>
    <rPh sb="7" eb="10">
      <t>コウレイシャ</t>
    </rPh>
    <rPh sb="10" eb="11">
      <t>イ</t>
    </rPh>
    <rPh sb="14" eb="16">
      <t>カイカン</t>
    </rPh>
    <phoneticPr fontId="3"/>
  </si>
  <si>
    <t>海老名市杉久保北２－１－１０</t>
    <rPh sb="0" eb="4">
      <t>エビナシ</t>
    </rPh>
    <rPh sb="4" eb="7">
      <t>スギクボ</t>
    </rPh>
    <rPh sb="7" eb="8">
      <t>キタ</t>
    </rPh>
    <phoneticPr fontId="3"/>
  </si>
  <si>
    <t>海老名市障害者第一デイサービスセンター</t>
    <phoneticPr fontId="3"/>
  </si>
  <si>
    <t>海老名市障害者第二デイサービスセンター</t>
    <phoneticPr fontId="3"/>
  </si>
  <si>
    <t>えびなこどもセンター</t>
    <phoneticPr fontId="3"/>
  </si>
  <si>
    <t>美化センター</t>
    <rPh sb="0" eb="2">
      <t>ビカ</t>
    </rPh>
    <phoneticPr fontId="3"/>
  </si>
  <si>
    <t>海老名市杉久保北１－４－１</t>
    <rPh sb="0" eb="4">
      <t>エビナシ</t>
    </rPh>
    <rPh sb="4" eb="7">
      <t>スギクボ</t>
    </rPh>
    <rPh sb="7" eb="8">
      <t>キタ</t>
    </rPh>
    <phoneticPr fontId="3"/>
  </si>
  <si>
    <t>資源化センター</t>
    <rPh sb="0" eb="3">
      <t>シゲンカ</t>
    </rPh>
    <phoneticPr fontId="3"/>
  </si>
  <si>
    <t>海老名市大谷南５－７－２７</t>
    <rPh sb="0" eb="4">
      <t>エビナシ</t>
    </rPh>
    <rPh sb="4" eb="6">
      <t>オオヤ</t>
    </rPh>
    <rPh sb="6" eb="7">
      <t>ミナミ</t>
    </rPh>
    <phoneticPr fontId="3"/>
  </si>
  <si>
    <t>海老名中央公園地下駐車場</t>
    <rPh sb="0" eb="12">
      <t>エビナチュウオウコウエンチカチュウシャジョウ</t>
    </rPh>
    <phoneticPr fontId="3"/>
  </si>
  <si>
    <t>海老名市消防署北分署</t>
    <rPh sb="0" eb="4">
      <t>エビナシ</t>
    </rPh>
    <rPh sb="4" eb="6">
      <t>ショウボウ</t>
    </rPh>
    <rPh sb="6" eb="7">
      <t>ショ</t>
    </rPh>
    <rPh sb="7" eb="8">
      <t>キタ</t>
    </rPh>
    <rPh sb="8" eb="10">
      <t>ブンショ</t>
    </rPh>
    <phoneticPr fontId="3"/>
  </si>
  <si>
    <t>海老名市消防署西分署</t>
    <rPh sb="0" eb="10">
      <t>ニシ</t>
    </rPh>
    <phoneticPr fontId="3"/>
  </si>
  <si>
    <t>海老名市消防署南分署</t>
    <rPh sb="0" eb="10">
      <t>ミナミ</t>
    </rPh>
    <phoneticPr fontId="3"/>
  </si>
  <si>
    <t>海老名市立郷土資料館「海老名市温故館」</t>
    <rPh sb="0" eb="5">
      <t>エビナシリツ</t>
    </rPh>
    <rPh sb="5" eb="10">
      <t>キョウドシリョウカン</t>
    </rPh>
    <rPh sb="11" eb="18">
      <t>エビナシオンコカン</t>
    </rPh>
    <phoneticPr fontId="3"/>
  </si>
  <si>
    <t>海老名市食の創造館</t>
    <rPh sb="0" eb="5">
      <t>エビナシショク</t>
    </rPh>
    <rPh sb="6" eb="9">
      <t>ソウゾウカン</t>
    </rPh>
    <phoneticPr fontId="3"/>
  </si>
  <si>
    <t>海老名市中新田４－１２－２</t>
    <rPh sb="0" eb="7">
      <t>エビナシナカシンデン</t>
    </rPh>
    <phoneticPr fontId="3"/>
  </si>
  <si>
    <t>海老名市立中央図書館</t>
    <rPh sb="0" eb="5">
      <t>エビナシリツ</t>
    </rPh>
    <rPh sb="5" eb="10">
      <t>チュウオウトショカン</t>
    </rPh>
    <phoneticPr fontId="3"/>
  </si>
  <si>
    <t>海老名市めぐみ町７－１</t>
  </si>
  <si>
    <t>令和７年度以降障がい者用駐車場整備予定。台数等未定。</t>
    <rPh sb="0" eb="2">
      <t>レイワ</t>
    </rPh>
    <rPh sb="3" eb="5">
      <t>ネンド</t>
    </rPh>
    <rPh sb="5" eb="7">
      <t>イコウ</t>
    </rPh>
    <rPh sb="7" eb="8">
      <t>ショウ</t>
    </rPh>
    <rPh sb="10" eb="11">
      <t>シャ</t>
    </rPh>
    <rPh sb="11" eb="12">
      <t>ヨウ</t>
    </rPh>
    <rPh sb="12" eb="15">
      <t>チュウシャジョウ</t>
    </rPh>
    <rPh sb="15" eb="19">
      <t>セイビヨテイ</t>
    </rPh>
    <rPh sb="20" eb="23">
      <t>ダイスウトウ</t>
    </rPh>
    <rPh sb="23" eb="25">
      <t>ミテイ</t>
    </rPh>
    <phoneticPr fontId="3"/>
  </si>
  <si>
    <t>海老名市立有馬図書館</t>
    <rPh sb="0" eb="5">
      <t>エビナシリツ</t>
    </rPh>
    <rPh sb="5" eb="7">
      <t>アリマ</t>
    </rPh>
    <rPh sb="7" eb="10">
      <t>トショカン</t>
    </rPh>
    <phoneticPr fontId="3"/>
  </si>
  <si>
    <t>2
（0）</t>
    <phoneticPr fontId="3"/>
  </si>
  <si>
    <t>門沢橋コミセンとの複合施設であるため、施設全体としての数字で回答しています。
（　）は有馬図書館側のみ。</t>
    <rPh sb="0" eb="3">
      <t>カドサワバシ</t>
    </rPh>
    <rPh sb="9" eb="11">
      <t>フクゴウ</t>
    </rPh>
    <rPh sb="11" eb="13">
      <t>シセツ</t>
    </rPh>
    <rPh sb="19" eb="23">
      <t>シセツゼンタイ</t>
    </rPh>
    <rPh sb="27" eb="29">
      <t>スウジ</t>
    </rPh>
    <rPh sb="30" eb="32">
      <t>カイトウ</t>
    </rPh>
    <rPh sb="43" eb="48">
      <t>アリマトショカン</t>
    </rPh>
    <rPh sb="48" eb="49">
      <t>ガワ</t>
    </rPh>
    <phoneticPr fontId="3"/>
  </si>
  <si>
    <t>座間市</t>
    <rPh sb="0" eb="3">
      <t>ザマシ</t>
    </rPh>
    <phoneticPr fontId="3"/>
  </si>
  <si>
    <t>座間市役所</t>
    <rPh sb="0" eb="5">
      <t>ザマシヤクショ</t>
    </rPh>
    <phoneticPr fontId="3"/>
  </si>
  <si>
    <t>車椅子使用者用駐車区画について
ハーモニーホール座間４台を含む</t>
    <rPh sb="24" eb="26">
      <t>ザマ</t>
    </rPh>
    <rPh sb="27" eb="28">
      <t>ダイ</t>
    </rPh>
    <rPh sb="29" eb="30">
      <t>フク</t>
    </rPh>
    <phoneticPr fontId="3"/>
  </si>
  <si>
    <t>第３子育て支援センター　ざまりんのおうち「かがやき」</t>
    <rPh sb="0" eb="1">
      <t>ダイ</t>
    </rPh>
    <rPh sb="2" eb="4">
      <t>コソダ</t>
    </rPh>
    <rPh sb="5" eb="7">
      <t>シエン</t>
    </rPh>
    <phoneticPr fontId="3"/>
  </si>
  <si>
    <t>東原コミュニティセンター</t>
    <rPh sb="0" eb="2">
      <t>ヒガシハラ</t>
    </rPh>
    <phoneticPr fontId="3"/>
  </si>
  <si>
    <t>相模が丘コミュニティセンター</t>
    <rPh sb="0" eb="2">
      <t>サガミ</t>
    </rPh>
    <rPh sb="3" eb="4">
      <t>オカ</t>
    </rPh>
    <phoneticPr fontId="3"/>
  </si>
  <si>
    <t>相武台コミュニティセンター</t>
    <rPh sb="0" eb="3">
      <t>ソウブダイ</t>
    </rPh>
    <phoneticPr fontId="3"/>
  </si>
  <si>
    <t>ひばりが丘コミュニティセンター</t>
    <rPh sb="4" eb="5">
      <t>オカ</t>
    </rPh>
    <phoneticPr fontId="3"/>
  </si>
  <si>
    <t>栗原コミュニティセンター</t>
    <rPh sb="0" eb="2">
      <t>クリハラ</t>
    </rPh>
    <phoneticPr fontId="3"/>
  </si>
  <si>
    <t>スカイグリーンパーク及び市民体育館</t>
    <rPh sb="10" eb="11">
      <t>オヨ</t>
    </rPh>
    <rPh sb="12" eb="14">
      <t>シミン</t>
    </rPh>
    <rPh sb="14" eb="17">
      <t>タイイクカン</t>
    </rPh>
    <phoneticPr fontId="3"/>
  </si>
  <si>
    <t>民間の駐車場運営会社が管理運営している。</t>
    <rPh sb="0" eb="2">
      <t>ミンカン</t>
    </rPh>
    <rPh sb="3" eb="6">
      <t>チュウシャジョウ</t>
    </rPh>
    <rPh sb="6" eb="8">
      <t>ウンエイ</t>
    </rPh>
    <rPh sb="8" eb="10">
      <t>カイシャ</t>
    </rPh>
    <rPh sb="11" eb="13">
      <t>カンリ</t>
    </rPh>
    <rPh sb="13" eb="15">
      <t>ウンエイ</t>
    </rPh>
    <phoneticPr fontId="3"/>
  </si>
  <si>
    <t>生きがいセンター</t>
    <rPh sb="0" eb="1">
      <t>イ</t>
    </rPh>
    <phoneticPr fontId="3"/>
  </si>
  <si>
    <t>かにが沢公園</t>
    <rPh sb="3" eb="4">
      <t>サワ</t>
    </rPh>
    <rPh sb="4" eb="6">
      <t>コウエン</t>
    </rPh>
    <phoneticPr fontId="3"/>
  </si>
  <si>
    <t>座間市緑ケ丘４－１４５８</t>
    <rPh sb="0" eb="3">
      <t>ザマシ</t>
    </rPh>
    <rPh sb="3" eb="6">
      <t>ミドリガオカ</t>
    </rPh>
    <phoneticPr fontId="3"/>
  </si>
  <si>
    <t>芹沢公園（北駐車場）</t>
    <rPh sb="0" eb="2">
      <t>セリザワ</t>
    </rPh>
    <rPh sb="2" eb="4">
      <t>コウエン</t>
    </rPh>
    <rPh sb="5" eb="6">
      <t>キタ</t>
    </rPh>
    <rPh sb="6" eb="9">
      <t>チュウシャジョウ</t>
    </rPh>
    <phoneticPr fontId="3"/>
  </si>
  <si>
    <t>芹沢公園（西駐車場）</t>
    <rPh sb="0" eb="2">
      <t>セリザワ</t>
    </rPh>
    <rPh sb="2" eb="4">
      <t>コウエン</t>
    </rPh>
    <rPh sb="5" eb="6">
      <t>ニシ</t>
    </rPh>
    <rPh sb="6" eb="9">
      <t>チュウシャジョウ</t>
    </rPh>
    <phoneticPr fontId="3"/>
  </si>
  <si>
    <t>芹沢公園（東駐車場）</t>
    <rPh sb="0" eb="2">
      <t>セリザワ</t>
    </rPh>
    <rPh sb="2" eb="4">
      <t>コウエン</t>
    </rPh>
    <rPh sb="5" eb="6">
      <t>ヒガシ</t>
    </rPh>
    <rPh sb="6" eb="9">
      <t>チュウシャジョウ</t>
    </rPh>
    <phoneticPr fontId="3"/>
  </si>
  <si>
    <t>座間市公民館</t>
    <rPh sb="0" eb="3">
      <t>ザマシ</t>
    </rPh>
    <rPh sb="3" eb="6">
      <t>コウミンカン</t>
    </rPh>
    <phoneticPr fontId="3"/>
  </si>
  <si>
    <t>駐輪場満車時は駐車場が使えなくなる可能性がある。</t>
    <rPh sb="0" eb="3">
      <t>チュウリンジョウ</t>
    </rPh>
    <rPh sb="3" eb="5">
      <t>マンシャ</t>
    </rPh>
    <rPh sb="5" eb="6">
      <t>トキ</t>
    </rPh>
    <rPh sb="7" eb="10">
      <t>チュウシャジョウ</t>
    </rPh>
    <rPh sb="11" eb="12">
      <t>ツカ</t>
    </rPh>
    <rPh sb="17" eb="20">
      <t>カノウセイ</t>
    </rPh>
    <phoneticPr fontId="3"/>
  </si>
  <si>
    <t>北地区文化センター</t>
    <rPh sb="0" eb="1">
      <t>キタ</t>
    </rPh>
    <rPh sb="1" eb="3">
      <t>チク</t>
    </rPh>
    <rPh sb="3" eb="5">
      <t>ブンカ</t>
    </rPh>
    <phoneticPr fontId="3"/>
  </si>
  <si>
    <t>東地区文化センター</t>
    <rPh sb="0" eb="1">
      <t>ヒガシ</t>
    </rPh>
    <rPh sb="1" eb="3">
      <t>チク</t>
    </rPh>
    <rPh sb="3" eb="5">
      <t>ブンカ</t>
    </rPh>
    <phoneticPr fontId="3"/>
  </si>
  <si>
    <t>図書館</t>
    <rPh sb="0" eb="3">
      <t>トショカン</t>
    </rPh>
    <phoneticPr fontId="3"/>
  </si>
  <si>
    <t>座間市立図書館</t>
    <rPh sb="0" eb="3">
      <t>ザマシ</t>
    </rPh>
    <rPh sb="3" eb="4">
      <t>リツ</t>
    </rPh>
    <rPh sb="4" eb="7">
      <t>トショカン</t>
    </rPh>
    <phoneticPr fontId="3"/>
  </si>
  <si>
    <t>座間市消防本部・消防署</t>
    <rPh sb="0" eb="3">
      <t>ザマシ</t>
    </rPh>
    <rPh sb="3" eb="5">
      <t>ショウボウ</t>
    </rPh>
    <rPh sb="5" eb="7">
      <t>ホンブ</t>
    </rPh>
    <rPh sb="8" eb="11">
      <t>ショウボウショ</t>
    </rPh>
    <phoneticPr fontId="3"/>
  </si>
  <si>
    <t>南足柄市</t>
    <rPh sb="0" eb="4">
      <t>ミナミアシガラシ</t>
    </rPh>
    <phoneticPr fontId="3"/>
  </si>
  <si>
    <t>本庁舎</t>
    <rPh sb="0" eb="3">
      <t>ホンチョウシャ</t>
    </rPh>
    <phoneticPr fontId="3"/>
  </si>
  <si>
    <t>南足柄市営ヴェルミ立体駐車場</t>
    <rPh sb="0" eb="3">
      <t>ミナミアシガラ</t>
    </rPh>
    <rPh sb="3" eb="5">
      <t>シエイ</t>
    </rPh>
    <rPh sb="9" eb="14">
      <t>リッタイチュウシャジョウ</t>
    </rPh>
    <phoneticPr fontId="3"/>
  </si>
  <si>
    <t>南足柄市</t>
    <rPh sb="0" eb="4">
      <t>ミ</t>
    </rPh>
    <phoneticPr fontId="3"/>
  </si>
  <si>
    <t>文化会館</t>
    <rPh sb="0" eb="2">
      <t>ブンカ</t>
    </rPh>
    <rPh sb="2" eb="4">
      <t>カイカン</t>
    </rPh>
    <phoneticPr fontId="3"/>
  </si>
  <si>
    <t>車椅子用駐車区画は計４台だが、うち２台は幅350㎝未満</t>
    <rPh sb="0" eb="3">
      <t>クルマイス</t>
    </rPh>
    <rPh sb="3" eb="4">
      <t>ヨウ</t>
    </rPh>
    <phoneticPr fontId="3"/>
  </si>
  <si>
    <t>郷土資料館</t>
    <rPh sb="0" eb="2">
      <t>キョウド</t>
    </rPh>
    <rPh sb="2" eb="5">
      <t>シリョウカン</t>
    </rPh>
    <phoneticPr fontId="3"/>
  </si>
  <si>
    <t>施設正面玄関前に一定のスペースがあるため、通常の駐車区画ではないが、空いている所に駐車可能である。</t>
    <rPh sb="0" eb="2">
      <t>シセツ</t>
    </rPh>
    <rPh sb="2" eb="4">
      <t>ショウメン</t>
    </rPh>
    <rPh sb="4" eb="6">
      <t>ゲンカン</t>
    </rPh>
    <rPh sb="6" eb="7">
      <t>マエ</t>
    </rPh>
    <rPh sb="8" eb="10">
      <t>イッテイ</t>
    </rPh>
    <rPh sb="21" eb="23">
      <t>ツウジョウ</t>
    </rPh>
    <rPh sb="24" eb="26">
      <t>チュウシャ</t>
    </rPh>
    <rPh sb="26" eb="28">
      <t>クカク</t>
    </rPh>
    <rPh sb="34" eb="35">
      <t>ア</t>
    </rPh>
    <rPh sb="39" eb="40">
      <t>トコロ</t>
    </rPh>
    <rPh sb="41" eb="43">
      <t>チュウシャ</t>
    </rPh>
    <rPh sb="43" eb="45">
      <t>カノウ</t>
    </rPh>
    <phoneticPr fontId="3"/>
  </si>
  <si>
    <t>運動公園</t>
    <rPh sb="0" eb="2">
      <t>ウンドウ</t>
    </rPh>
    <rPh sb="2" eb="4">
      <t>コウエン</t>
    </rPh>
    <phoneticPr fontId="3"/>
  </si>
  <si>
    <t>体育センター</t>
    <rPh sb="0" eb="2">
      <t>タイイク</t>
    </rPh>
    <phoneticPr fontId="3"/>
  </si>
  <si>
    <t>市立図書館</t>
    <rPh sb="0" eb="5">
      <t>シリツトショカン</t>
    </rPh>
    <phoneticPr fontId="3"/>
  </si>
  <si>
    <t>図書館建物横に車椅子用２台
隣接図書館駐車場に車椅子用２台
優先駐車区画は隣接駐車場に１台分設置予定</t>
    <rPh sb="0" eb="3">
      <t>トショカン</t>
    </rPh>
    <rPh sb="3" eb="5">
      <t>タテモノ</t>
    </rPh>
    <rPh sb="5" eb="6">
      <t>ヨコ</t>
    </rPh>
    <rPh sb="7" eb="10">
      <t>クルマイス</t>
    </rPh>
    <rPh sb="10" eb="11">
      <t>ヨウ</t>
    </rPh>
    <rPh sb="12" eb="13">
      <t>ダイ</t>
    </rPh>
    <rPh sb="14" eb="16">
      <t>リンセツ</t>
    </rPh>
    <rPh sb="16" eb="19">
      <t>トショカン</t>
    </rPh>
    <rPh sb="19" eb="22">
      <t>チュウシャジョウ</t>
    </rPh>
    <rPh sb="23" eb="26">
      <t>クルマイス</t>
    </rPh>
    <rPh sb="26" eb="27">
      <t>ヨウ</t>
    </rPh>
    <rPh sb="28" eb="29">
      <t>ダイ</t>
    </rPh>
    <rPh sb="30" eb="32">
      <t>ユウセン</t>
    </rPh>
    <rPh sb="32" eb="34">
      <t>チュウシャ</t>
    </rPh>
    <rPh sb="34" eb="36">
      <t>クカク</t>
    </rPh>
    <rPh sb="37" eb="39">
      <t>リンセツ</t>
    </rPh>
    <rPh sb="39" eb="42">
      <t>チュウシャジョウ</t>
    </rPh>
    <rPh sb="44" eb="45">
      <t>ダイ</t>
    </rPh>
    <rPh sb="45" eb="46">
      <t>ブン</t>
    </rPh>
    <rPh sb="46" eb="48">
      <t>セッチ</t>
    </rPh>
    <rPh sb="48" eb="50">
      <t>ヨテイ</t>
    </rPh>
    <phoneticPr fontId="3"/>
  </si>
  <si>
    <t>南足柄市</t>
  </si>
  <si>
    <t>中部公民館</t>
  </si>
  <si>
    <t>岡本コミュニティセンター</t>
  </si>
  <si>
    <t>福沢コミュニティセンター</t>
  </si>
  <si>
    <t>道の駅　足柄・金太郎のふるさと</t>
    <rPh sb="0" eb="1">
      <t>ナンドウ</t>
    </rPh>
    <rPh sb="1" eb="2">
      <t>ジミチ</t>
    </rPh>
    <phoneticPr fontId="3"/>
  </si>
  <si>
    <t>保健医療福祉センター</t>
    <rPh sb="0" eb="6">
      <t>ホケンイリョウフクシ</t>
    </rPh>
    <phoneticPr fontId="3"/>
  </si>
  <si>
    <t>綾瀬市</t>
    <rPh sb="0" eb="3">
      <t>アヤセシ</t>
    </rPh>
    <phoneticPr fontId="5"/>
  </si>
  <si>
    <t>綾北福祉会館</t>
    <rPh sb="0" eb="1">
      <t>アヤ</t>
    </rPh>
    <rPh sb="1" eb="2">
      <t>キタ</t>
    </rPh>
    <rPh sb="2" eb="4">
      <t>フクシ</t>
    </rPh>
    <rPh sb="4" eb="6">
      <t>カイカン</t>
    </rPh>
    <phoneticPr fontId="5"/>
  </si>
  <si>
    <t>綾瀬市保健福祉プラザ</t>
    <rPh sb="0" eb="3">
      <t>アヤセシ</t>
    </rPh>
    <rPh sb="3" eb="7">
      <t>ホケンフクシ</t>
    </rPh>
    <phoneticPr fontId="5"/>
  </si>
  <si>
    <t>優先駐車区画は「やさしい駐車スペース」として設置</t>
    <rPh sb="12" eb="14">
      <t>チュウシャ</t>
    </rPh>
    <rPh sb="22" eb="24">
      <t>セッチ</t>
    </rPh>
    <phoneticPr fontId="5"/>
  </si>
  <si>
    <t>綾瀬市役所</t>
    <rPh sb="0" eb="5">
      <t>アヤセシヤクショ</t>
    </rPh>
    <phoneticPr fontId="5"/>
  </si>
  <si>
    <t>綾瀬市消防本部</t>
    <phoneticPr fontId="3"/>
  </si>
  <si>
    <t>綾瀬市リサイクルプラザ</t>
    <phoneticPr fontId="3"/>
  </si>
  <si>
    <t>綾瀬市</t>
    <rPh sb="0" eb="3">
      <t>アヤセシ</t>
    </rPh>
    <phoneticPr fontId="3"/>
  </si>
  <si>
    <t>綾瀬市立図書館</t>
    <phoneticPr fontId="3"/>
  </si>
  <si>
    <t>綾瀬市立中央公民館</t>
  </si>
  <si>
    <t>綾瀬市文化会館</t>
  </si>
  <si>
    <t>綾瀬市高齢者福祉会館</t>
  </si>
  <si>
    <t>-</t>
    <phoneticPr fontId="3"/>
  </si>
  <si>
    <t>文化会館と共用</t>
    <rPh sb="0" eb="2">
      <t>ブンカ</t>
    </rPh>
    <rPh sb="2" eb="4">
      <t>カイカン</t>
    </rPh>
    <rPh sb="5" eb="7">
      <t>キョウヨウ</t>
    </rPh>
    <phoneticPr fontId="3"/>
  </si>
  <si>
    <t>綾瀬市綾西高齢者憩の家</t>
    <phoneticPr fontId="3"/>
  </si>
  <si>
    <t>綾瀬市立もみの木園</t>
    <phoneticPr fontId="3"/>
  </si>
  <si>
    <t>綾瀬市立綾南保育園</t>
    <phoneticPr fontId="3"/>
  </si>
  <si>
    <t>綾瀬市立大上保育園</t>
    <phoneticPr fontId="3"/>
  </si>
  <si>
    <t>綾瀬市立中央公民館中村地区センター</t>
    <phoneticPr fontId="3"/>
  </si>
  <si>
    <t>綾瀬市立中央公民館早園地区センター</t>
  </si>
  <si>
    <t>綾瀬市立中央公民館吉岡地区センター</t>
    <phoneticPr fontId="3"/>
  </si>
  <si>
    <t>綾瀬市立中央公民館綾南地区センター</t>
    <phoneticPr fontId="3"/>
  </si>
  <si>
    <t>綾瀬市立寺尾いずみ会館</t>
    <phoneticPr fontId="3"/>
  </si>
  <si>
    <t>綾瀬市立南部ふれあい会館</t>
    <phoneticPr fontId="3"/>
  </si>
  <si>
    <t>落合自治会館</t>
    <phoneticPr fontId="3"/>
  </si>
  <si>
    <t>上深谷自治会館</t>
  </si>
  <si>
    <t>大上自治会館</t>
  </si>
  <si>
    <t>寺尾南自治会館</t>
  </si>
  <si>
    <t>寺尾綾北自治会館</t>
  </si>
  <si>
    <t>寺尾北自治会館</t>
  </si>
  <si>
    <t>寺尾天台自治会館</t>
  </si>
  <si>
    <t>綾西自治会館</t>
  </si>
  <si>
    <t>上土棚自治会館</t>
  </si>
  <si>
    <t>綾瀬市神崎遺跡資料館（神崎遺跡公園）</t>
    <rPh sb="11" eb="13">
      <t>カンザキ</t>
    </rPh>
    <rPh sb="13" eb="15">
      <t>イセキ</t>
    </rPh>
    <rPh sb="15" eb="17">
      <t>コウエン</t>
    </rPh>
    <phoneticPr fontId="5"/>
  </si>
  <si>
    <t>綾瀬市民スポーツセンター</t>
    <phoneticPr fontId="3"/>
  </si>
  <si>
    <t>綾瀬市本蓼川墓園</t>
    <phoneticPr fontId="3"/>
  </si>
  <si>
    <t>光綾公園</t>
  </si>
  <si>
    <t>城山公園</t>
  </si>
  <si>
    <t>中村公園</t>
  </si>
  <si>
    <t>綾南公園</t>
  </si>
  <si>
    <t>蟹ヶ谷公園</t>
  </si>
  <si>
    <t>風車公園</t>
  </si>
  <si>
    <t>綾瀬スポーツ公園</t>
  </si>
  <si>
    <t>風の公園</t>
  </si>
  <si>
    <t>葉山町</t>
    <rPh sb="0" eb="3">
      <t>ハヤママチ</t>
    </rPh>
    <phoneticPr fontId="3"/>
  </si>
  <si>
    <t>葉山町役場（第１駐車場）</t>
    <rPh sb="0" eb="5">
      <t>ハヤママチヤクバ</t>
    </rPh>
    <rPh sb="6" eb="7">
      <t>ダイ</t>
    </rPh>
    <rPh sb="8" eb="11">
      <t>チュウシャジョウ</t>
    </rPh>
    <phoneticPr fontId="3"/>
  </si>
  <si>
    <t>車いすマークの路面標示をした区画（他の区画と同じ幅250cm）が車椅子対応スロープの横に１区画あり</t>
    <phoneticPr fontId="3"/>
  </si>
  <si>
    <t>葉山町</t>
    <rPh sb="0" eb="2">
      <t>ハヤマ</t>
    </rPh>
    <rPh sb="2" eb="3">
      <t>マチ</t>
    </rPh>
    <phoneticPr fontId="3"/>
  </si>
  <si>
    <t>葉山町役場（第２駐車場）</t>
    <rPh sb="0" eb="5">
      <t>ハヤママチヤクバ</t>
    </rPh>
    <rPh sb="6" eb="7">
      <t>ダイ</t>
    </rPh>
    <rPh sb="8" eb="11">
      <t>チュウシャジョウ</t>
    </rPh>
    <phoneticPr fontId="3"/>
  </si>
  <si>
    <t>車いすマークの路面標示をした区画（他の区画と同じ幅250cm）に100cm幅のゼブラゾーンが付属している</t>
    <rPh sb="37" eb="38">
      <t>ハバ</t>
    </rPh>
    <rPh sb="46" eb="48">
      <t>フゾク</t>
    </rPh>
    <phoneticPr fontId="3"/>
  </si>
  <si>
    <t>保育園・教育総合センター</t>
    <rPh sb="0" eb="3">
      <t>ホイクエン</t>
    </rPh>
    <rPh sb="4" eb="6">
      <t>キョウイク</t>
    </rPh>
    <rPh sb="6" eb="8">
      <t>ソウゴウ</t>
    </rPh>
    <phoneticPr fontId="3"/>
  </si>
  <si>
    <t>葉山しおさい公園・博物館</t>
    <rPh sb="0" eb="2">
      <t>ハヤマ</t>
    </rPh>
    <rPh sb="6" eb="8">
      <t>コウエン</t>
    </rPh>
    <rPh sb="9" eb="12">
      <t>ハクブツカン</t>
    </rPh>
    <phoneticPr fontId="3"/>
  </si>
  <si>
    <t>葉山町保健センター</t>
    <rPh sb="0" eb="5">
      <t>ハヤママチホケン</t>
    </rPh>
    <phoneticPr fontId="3"/>
  </si>
  <si>
    <t>葉山町福祉文化会館</t>
    <rPh sb="0" eb="3">
      <t>ハヤママチ</t>
    </rPh>
    <rPh sb="3" eb="7">
      <t>フクシブンカ</t>
    </rPh>
    <rPh sb="7" eb="9">
      <t>カイカン</t>
    </rPh>
    <phoneticPr fontId="3"/>
  </si>
  <si>
    <t>白線・表示等整備予定。当面の間、駐車の際は事務所に場所を確認してください。</t>
    <rPh sb="0" eb="2">
      <t>ハクセン</t>
    </rPh>
    <rPh sb="3" eb="6">
      <t>ヒョウジトウ</t>
    </rPh>
    <rPh sb="6" eb="8">
      <t>セイビ</t>
    </rPh>
    <rPh sb="8" eb="10">
      <t>ヨテイ</t>
    </rPh>
    <rPh sb="11" eb="13">
      <t>トウメン</t>
    </rPh>
    <rPh sb="14" eb="15">
      <t>カン</t>
    </rPh>
    <rPh sb="16" eb="18">
      <t>チュウシャ</t>
    </rPh>
    <rPh sb="19" eb="20">
      <t>サイ</t>
    </rPh>
    <rPh sb="21" eb="24">
      <t>ジムショ</t>
    </rPh>
    <rPh sb="25" eb="27">
      <t>バショ</t>
    </rPh>
    <rPh sb="28" eb="30">
      <t>カクニン</t>
    </rPh>
    <phoneticPr fontId="3"/>
  </si>
  <si>
    <t>大井町</t>
    <rPh sb="0" eb="3">
      <t>オオイマチ</t>
    </rPh>
    <phoneticPr fontId="3"/>
  </si>
  <si>
    <t>庁舎</t>
    <rPh sb="0" eb="2">
      <t>チョウシャ</t>
    </rPh>
    <phoneticPr fontId="3"/>
  </si>
  <si>
    <t>大井中央公園</t>
    <rPh sb="0" eb="6">
      <t>オオイチュウオウコウエン</t>
    </rPh>
    <phoneticPr fontId="3"/>
  </si>
  <si>
    <t>大井町生涯学習センター</t>
    <rPh sb="0" eb="3">
      <t>オオイマチ</t>
    </rPh>
    <rPh sb="3" eb="7">
      <t>ショウガイガクシュウ</t>
    </rPh>
    <phoneticPr fontId="3"/>
  </si>
  <si>
    <t>車椅子使用者駐車場と兼ねて4箇所設置している。</t>
    <rPh sb="0" eb="3">
      <t>クルマイス</t>
    </rPh>
    <rPh sb="3" eb="6">
      <t>シヨウシャ</t>
    </rPh>
    <rPh sb="6" eb="8">
      <t>チュウシャ</t>
    </rPh>
    <rPh sb="8" eb="9">
      <t>ジョウ</t>
    </rPh>
    <rPh sb="10" eb="11">
      <t>カ</t>
    </rPh>
    <rPh sb="14" eb="16">
      <t>カショ</t>
    </rPh>
    <rPh sb="16" eb="18">
      <t>セッチ</t>
    </rPh>
    <phoneticPr fontId="3"/>
  </si>
  <si>
    <t>大井町総合体育館</t>
    <rPh sb="0" eb="3">
      <t>オオイマチ</t>
    </rPh>
    <rPh sb="3" eb="8">
      <t>ソウゴウタイイクカン</t>
    </rPh>
    <phoneticPr fontId="3"/>
  </si>
  <si>
    <t>車椅子使用者駐車場と兼ねて2箇所設置している。</t>
    <rPh sb="0" eb="3">
      <t>クルマイス</t>
    </rPh>
    <rPh sb="3" eb="6">
      <t>シヨウシャ</t>
    </rPh>
    <rPh sb="6" eb="8">
      <t>チュウシャ</t>
    </rPh>
    <rPh sb="8" eb="9">
      <t>ジョウ</t>
    </rPh>
    <rPh sb="10" eb="11">
      <t>カ</t>
    </rPh>
    <rPh sb="14" eb="16">
      <t>カショ</t>
    </rPh>
    <rPh sb="16" eb="18">
      <t>セッチ</t>
    </rPh>
    <phoneticPr fontId="3"/>
  </si>
  <si>
    <t>大井町そうわ会館</t>
    <rPh sb="0" eb="3">
      <t>オオイマチ</t>
    </rPh>
    <rPh sb="6" eb="8">
      <t>カイカン</t>
    </rPh>
    <phoneticPr fontId="3"/>
  </si>
  <si>
    <t>車椅子使用者駐車場と兼ねて1箇所設置している。</t>
    <rPh sb="0" eb="3">
      <t>クルマイス</t>
    </rPh>
    <rPh sb="3" eb="6">
      <t>シヨウシャ</t>
    </rPh>
    <rPh sb="6" eb="8">
      <t>チュウシャ</t>
    </rPh>
    <rPh sb="8" eb="9">
      <t>ジョウ</t>
    </rPh>
    <rPh sb="10" eb="11">
      <t>カ</t>
    </rPh>
    <rPh sb="14" eb="16">
      <t>カショ</t>
    </rPh>
    <rPh sb="16" eb="18">
      <t>セッチ</t>
    </rPh>
    <phoneticPr fontId="3"/>
  </si>
  <si>
    <t>大井町山田総合グラウンド</t>
    <rPh sb="0" eb="3">
      <t>オオイマチ</t>
    </rPh>
    <rPh sb="3" eb="5">
      <t>ヤマダ</t>
    </rPh>
    <rPh sb="5" eb="7">
      <t>ソウゴウ</t>
    </rPh>
    <phoneticPr fontId="3"/>
  </si>
  <si>
    <t>大井町保健福祉センター</t>
    <rPh sb="0" eb="3">
      <t>オオイマチ</t>
    </rPh>
    <rPh sb="3" eb="7">
      <t>ホケンフクシ</t>
    </rPh>
    <phoneticPr fontId="3"/>
  </si>
  <si>
    <t>湯河原町</t>
    <rPh sb="0" eb="4">
      <t>ユガワラマチ</t>
    </rPh>
    <phoneticPr fontId="3"/>
  </si>
  <si>
    <t>湯河原町民体育館</t>
  </si>
  <si>
    <t>湯河原町</t>
  </si>
  <si>
    <t>湯河原町立図書館</t>
    <rPh sb="3" eb="8">
      <t>チョウリツトショカン</t>
    </rPh>
    <phoneticPr fontId="3"/>
  </si>
  <si>
    <t>町立湯河原美術館</t>
    <rPh sb="0" eb="2">
      <t>チョウリツ</t>
    </rPh>
    <rPh sb="2" eb="5">
      <t>ユガワラ</t>
    </rPh>
    <rPh sb="5" eb="8">
      <t>ビジュツカン</t>
    </rPh>
    <phoneticPr fontId="3"/>
  </si>
  <si>
    <t>湯河原駅前広場駐車場</t>
    <rPh sb="0" eb="3">
      <t>ユガワラ</t>
    </rPh>
    <rPh sb="3" eb="5">
      <t>エキマエ</t>
    </rPh>
    <rPh sb="5" eb="7">
      <t>ヒロバ</t>
    </rPh>
    <rPh sb="7" eb="10">
      <t>チュウシャジョウ</t>
    </rPh>
    <phoneticPr fontId="3"/>
  </si>
  <si>
    <t>幕山公園</t>
    <rPh sb="0" eb="4">
      <t>マクヤマコウエン</t>
    </rPh>
    <phoneticPr fontId="3"/>
  </si>
  <si>
    <t>総合運動公園</t>
    <rPh sb="0" eb="6">
      <t>ソウゴウウンドウコウエン</t>
    </rPh>
    <phoneticPr fontId="3"/>
  </si>
  <si>
    <t>湯河原海浜公園</t>
    <rPh sb="0" eb="3">
      <t>ユガワラ</t>
    </rPh>
    <rPh sb="3" eb="7">
      <t>カイヒンコウエン</t>
    </rPh>
    <phoneticPr fontId="3"/>
  </si>
  <si>
    <t>海辺公園</t>
    <rPh sb="0" eb="4">
      <t>ウミベコウエン</t>
    </rPh>
    <phoneticPr fontId="3"/>
  </si>
  <si>
    <t>万葉公園第２駐車場</t>
    <rPh sb="0" eb="4">
      <t>マンヨウコウエン</t>
    </rPh>
    <rPh sb="4" eb="5">
      <t>ダイ</t>
    </rPh>
    <rPh sb="6" eb="9">
      <t>チュウシャジョウ</t>
    </rPh>
    <phoneticPr fontId="3"/>
  </si>
  <si>
    <t>湯河原町役場第１駐車場</t>
    <rPh sb="0" eb="6">
      <t>ユガワラマチヤクバ</t>
    </rPh>
    <rPh sb="6" eb="7">
      <t>ダイ</t>
    </rPh>
    <rPh sb="8" eb="11">
      <t>チュウシャジョウ</t>
    </rPh>
    <phoneticPr fontId="3"/>
  </si>
  <si>
    <t>宮上会館</t>
    <rPh sb="0" eb="4">
      <t>ミヤカミカイカン</t>
    </rPh>
    <phoneticPr fontId="3"/>
  </si>
  <si>
    <t>中央区民会館</t>
    <rPh sb="0" eb="4">
      <t>チュウオウクミン</t>
    </rPh>
    <rPh sb="4" eb="6">
      <t>カイカン</t>
    </rPh>
    <phoneticPr fontId="3"/>
  </si>
  <si>
    <t>愛川町</t>
    <rPh sb="0" eb="3">
      <t>アイカワマチ</t>
    </rPh>
    <phoneticPr fontId="3"/>
  </si>
  <si>
    <t>愛川町役場</t>
    <rPh sb="0" eb="2">
      <t>アイカワ</t>
    </rPh>
    <rPh sb="2" eb="3">
      <t>マチ</t>
    </rPh>
    <rPh sb="3" eb="5">
      <t>ヤクバ</t>
    </rPh>
    <phoneticPr fontId="3"/>
  </si>
  <si>
    <t>健康プラザ</t>
    <rPh sb="0" eb="2">
      <t>ケンコウ</t>
    </rPh>
    <phoneticPr fontId="3"/>
  </si>
  <si>
    <t>愛川聖苑</t>
    <rPh sb="0" eb="4">
      <t>アイカワセイエン</t>
    </rPh>
    <phoneticPr fontId="3"/>
  </si>
  <si>
    <t>半原公民館</t>
    <rPh sb="0" eb="5">
      <t>ハンバラコウミンカン</t>
    </rPh>
    <phoneticPr fontId="3"/>
  </si>
  <si>
    <t>中津公民館</t>
    <rPh sb="0" eb="5">
      <t>ナカツコウミンカン</t>
    </rPh>
    <phoneticPr fontId="3"/>
  </si>
  <si>
    <t>第１号公園体育館</t>
    <rPh sb="0" eb="1">
      <t>ダイ</t>
    </rPh>
    <rPh sb="2" eb="3">
      <t>ゴウ</t>
    </rPh>
    <rPh sb="3" eb="5">
      <t>コウエン</t>
    </rPh>
    <rPh sb="5" eb="8">
      <t>タイイクカン</t>
    </rPh>
    <phoneticPr fontId="3"/>
  </si>
  <si>
    <t>田代運動公園</t>
    <rPh sb="0" eb="2">
      <t>タシロ</t>
    </rPh>
    <rPh sb="2" eb="4">
      <t>ウンドウ</t>
    </rPh>
    <rPh sb="4" eb="6">
      <t>コウエン</t>
    </rPh>
    <phoneticPr fontId="3"/>
  </si>
  <si>
    <t>三増公園</t>
    <rPh sb="0" eb="2">
      <t>ミマセ</t>
    </rPh>
    <rPh sb="2" eb="4">
      <t>コウエン</t>
    </rPh>
    <phoneticPr fontId="3"/>
  </si>
  <si>
    <t>区画がない約20台程度駐車できるスペースが陸上競技場前にある。</t>
    <rPh sb="2" eb="4">
      <t>クカク</t>
    </rPh>
    <rPh sb="4" eb="5">
      <t>ヤク</t>
    </rPh>
    <rPh sb="7" eb="8">
      <t>ダイ</t>
    </rPh>
    <rPh sb="8" eb="10">
      <t>テイド</t>
    </rPh>
    <rPh sb="10" eb="12">
      <t>チュウシャ</t>
    </rPh>
    <rPh sb="20" eb="22">
      <t>リクジョウ</t>
    </rPh>
    <rPh sb="22" eb="24">
      <t>キョウギ</t>
    </rPh>
    <rPh sb="24" eb="25">
      <t>バ</t>
    </rPh>
    <rPh sb="25" eb="26">
      <t>マエ</t>
    </rPh>
    <phoneticPr fontId="3"/>
  </si>
  <si>
    <t>県立あいかわ公園駐車場には車椅子使用者用駐車区画が計13台設置してあるが、郷土資料館利用者専用は１区画である。</t>
    <rPh sb="0" eb="2">
      <t>ケンリツ</t>
    </rPh>
    <rPh sb="6" eb="8">
      <t>コウエン</t>
    </rPh>
    <rPh sb="8" eb="10">
      <t>チュウシャ</t>
    </rPh>
    <rPh sb="10" eb="11">
      <t>バ</t>
    </rPh>
    <rPh sb="13" eb="14">
      <t>クルマ</t>
    </rPh>
    <rPh sb="14" eb="16">
      <t>イス</t>
    </rPh>
    <rPh sb="16" eb="19">
      <t>シヨウシャ</t>
    </rPh>
    <rPh sb="19" eb="20">
      <t>ヨウ</t>
    </rPh>
    <rPh sb="20" eb="22">
      <t>チュウシャ</t>
    </rPh>
    <rPh sb="22" eb="24">
      <t>クカク</t>
    </rPh>
    <rPh sb="25" eb="26">
      <t>ケイ</t>
    </rPh>
    <rPh sb="28" eb="29">
      <t>ダイ</t>
    </rPh>
    <rPh sb="29" eb="31">
      <t>セッチ</t>
    </rPh>
    <rPh sb="37" eb="39">
      <t>キョウド</t>
    </rPh>
    <rPh sb="39" eb="42">
      <t>シリョウカン</t>
    </rPh>
    <rPh sb="42" eb="45">
      <t>リヨウシャ</t>
    </rPh>
    <rPh sb="45" eb="47">
      <t>センヨウ</t>
    </rPh>
    <rPh sb="49" eb="51">
      <t>クカク</t>
    </rPh>
    <phoneticPr fontId="3"/>
  </si>
  <si>
    <t>山北町</t>
    <rPh sb="0" eb="3">
      <t>ヤマキタマチ</t>
    </rPh>
    <phoneticPr fontId="3"/>
  </si>
  <si>
    <t>山北町役場</t>
    <rPh sb="0" eb="3">
      <t>ヤマキタマチ</t>
    </rPh>
    <rPh sb="3" eb="5">
      <t>ヤクバ</t>
    </rPh>
    <phoneticPr fontId="3"/>
  </si>
  <si>
    <t>ぶなの湯</t>
    <rPh sb="3" eb="4">
      <t>ユ</t>
    </rPh>
    <phoneticPr fontId="3"/>
  </si>
  <si>
    <t>洒水の滝</t>
    <rPh sb="0" eb="2">
      <t>シャスイ</t>
    </rPh>
    <rPh sb="3" eb="4">
      <t>タキ</t>
    </rPh>
    <phoneticPr fontId="3"/>
  </si>
  <si>
    <t>焼津ボート乗り場</t>
    <rPh sb="0" eb="2">
      <t>ヤイズ</t>
    </rPh>
    <rPh sb="5" eb="6">
      <t>ノ</t>
    </rPh>
    <rPh sb="7" eb="8">
      <t>バ</t>
    </rPh>
    <phoneticPr fontId="3"/>
  </si>
  <si>
    <t>千代の沢駐車場</t>
    <rPh sb="0" eb="1">
      <t>セン</t>
    </rPh>
    <rPh sb="1" eb="2">
      <t>ダイ</t>
    </rPh>
    <rPh sb="3" eb="4">
      <t>サワ</t>
    </rPh>
    <rPh sb="4" eb="7">
      <t>チュウシャジョウ</t>
    </rPh>
    <phoneticPr fontId="3"/>
  </si>
  <si>
    <t>三保支所</t>
    <rPh sb="0" eb="2">
      <t>ミホ</t>
    </rPh>
    <rPh sb="2" eb="4">
      <t>シショ</t>
    </rPh>
    <phoneticPr fontId="3"/>
  </si>
  <si>
    <t>清水支所</t>
    <rPh sb="0" eb="2">
      <t>シミズ</t>
    </rPh>
    <rPh sb="2" eb="4">
      <t>シショ</t>
    </rPh>
    <phoneticPr fontId="3"/>
  </si>
  <si>
    <t>山北町川西６８８</t>
    <rPh sb="0" eb="3">
      <t>ヤマキタマチ</t>
    </rPh>
    <rPh sb="3" eb="5">
      <t>カワニシ</t>
    </rPh>
    <phoneticPr fontId="3"/>
  </si>
  <si>
    <t>パークゴルフ場</t>
    <rPh sb="6" eb="7">
      <t>ジョウ</t>
    </rPh>
    <phoneticPr fontId="3"/>
  </si>
  <si>
    <t>山北町立ふるさと直販加工所</t>
    <rPh sb="0" eb="4">
      <t>ヤマキタチョウリツ</t>
    </rPh>
    <rPh sb="8" eb="10">
      <t>チョクハン</t>
    </rPh>
    <rPh sb="10" eb="13">
      <t>カコウジョ</t>
    </rPh>
    <phoneticPr fontId="3"/>
  </si>
  <si>
    <t>山北町立日向活性化施設</t>
    <rPh sb="0" eb="4">
      <t>ヤマキタチョウリツ</t>
    </rPh>
    <rPh sb="4" eb="6">
      <t>ヒナタ</t>
    </rPh>
    <rPh sb="6" eb="9">
      <t>カッセイカ</t>
    </rPh>
    <rPh sb="9" eb="11">
      <t>シセツ</t>
    </rPh>
    <phoneticPr fontId="3"/>
  </si>
  <si>
    <t>山北町健康福祉センター</t>
    <rPh sb="0" eb="3">
      <t>ヤマキタマチ</t>
    </rPh>
    <rPh sb="3" eb="5">
      <t>ケンコウ</t>
    </rPh>
    <rPh sb="5" eb="7">
      <t>フクシ</t>
    </rPh>
    <phoneticPr fontId="3"/>
  </si>
  <si>
    <t>山北町山北１９７１－２</t>
    <rPh sb="0" eb="3">
      <t>ヤマキタマチ</t>
    </rPh>
    <rPh sb="3" eb="5">
      <t>ヤマキタ</t>
    </rPh>
    <phoneticPr fontId="3"/>
  </si>
  <si>
    <t>寒川町</t>
    <rPh sb="0" eb="3">
      <t>サムカワマチ</t>
    </rPh>
    <phoneticPr fontId="3"/>
  </si>
  <si>
    <t>寒川総合図書館</t>
    <rPh sb="0" eb="2">
      <t>サムカワ</t>
    </rPh>
    <rPh sb="2" eb="4">
      <t>ソウゴウ</t>
    </rPh>
    <rPh sb="4" eb="7">
      <t>トショカン</t>
    </rPh>
    <phoneticPr fontId="3"/>
  </si>
  <si>
    <t>寒川町民センター</t>
    <rPh sb="0" eb="2">
      <t>サムカワ</t>
    </rPh>
    <rPh sb="2" eb="4">
      <t>チョウミン</t>
    </rPh>
    <phoneticPr fontId="3"/>
  </si>
  <si>
    <t>寒川町健康管理センター</t>
    <rPh sb="0" eb="3">
      <t>サムカワマチ</t>
    </rPh>
    <rPh sb="3" eb="7">
      <t>ケンコウカンリ</t>
    </rPh>
    <phoneticPr fontId="3"/>
  </si>
  <si>
    <t>ふれあいセンター</t>
  </si>
  <si>
    <t>寒川町立ひまわり教室</t>
    <rPh sb="0" eb="4">
      <t>サムカワチョウリツ</t>
    </rPh>
    <rPh sb="8" eb="10">
      <t>キョウシツ</t>
    </rPh>
    <phoneticPr fontId="3"/>
  </si>
  <si>
    <t>保育園と駐車場を共用しています。</t>
    <phoneticPr fontId="3"/>
  </si>
  <si>
    <t>寒川広域リサイクルセンター</t>
    <rPh sb="0" eb="2">
      <t>サムカワ</t>
    </rPh>
    <rPh sb="2" eb="4">
      <t>コウイキ</t>
    </rPh>
    <phoneticPr fontId="3"/>
  </si>
  <si>
    <t>寒川町宮山２５２４</t>
    <rPh sb="0" eb="3">
      <t>サムカワマチ</t>
    </rPh>
    <rPh sb="3" eb="5">
      <t>ミヤヤマ</t>
    </rPh>
    <phoneticPr fontId="3"/>
  </si>
  <si>
    <t>寒川町役場</t>
    <rPh sb="0" eb="5">
      <t>サムカワマチヤクバ</t>
    </rPh>
    <phoneticPr fontId="3"/>
  </si>
  <si>
    <t>さむかわ中央公園</t>
    <rPh sb="4" eb="8">
      <t>チュウオウコウエン</t>
    </rPh>
    <phoneticPr fontId="3"/>
  </si>
  <si>
    <t>平塚市</t>
    <rPh sb="0" eb="3">
      <t>ヒラツカシ</t>
    </rPh>
    <phoneticPr fontId="3"/>
  </si>
  <si>
    <t>平塚市役所駐車場</t>
    <rPh sb="0" eb="2">
      <t>ヒラツカ</t>
    </rPh>
    <rPh sb="2" eb="5">
      <t>シヤクショ</t>
    </rPh>
    <rPh sb="5" eb="8">
      <t>チュウシャジョウ</t>
    </rPh>
    <phoneticPr fontId="3"/>
  </si>
  <si>
    <t>１８８台のうち４台は関係車専用</t>
    <rPh sb="3" eb="4">
      <t>ダイ</t>
    </rPh>
    <rPh sb="8" eb="9">
      <t>ダイ</t>
    </rPh>
    <rPh sb="10" eb="12">
      <t>カンケイ</t>
    </rPh>
    <rPh sb="12" eb="13">
      <t>クルマ</t>
    </rPh>
    <rPh sb="13" eb="15">
      <t>センヨウ</t>
    </rPh>
    <phoneticPr fontId="3"/>
  </si>
  <si>
    <t>文化ゾーン第１駐車場</t>
    <rPh sb="0" eb="2">
      <t>ブンカ</t>
    </rPh>
    <rPh sb="5" eb="6">
      <t>ダイ</t>
    </rPh>
    <rPh sb="7" eb="10">
      <t>チュウシャジョウ</t>
    </rPh>
    <phoneticPr fontId="3"/>
  </si>
  <si>
    <t>美術館、中央図書館、博物館、市役所本館の各駐車場を、市役所別館、消防庁舎、青少年会館、教育会館、平塚税務署、旧横浜ゴム平塚製造所記念館も含めた共通駐車場とする</t>
    <phoneticPr fontId="3"/>
  </si>
  <si>
    <t>文化ゾーン第２駐車場</t>
    <rPh sb="0" eb="2">
      <t>ブンカ</t>
    </rPh>
    <rPh sb="5" eb="6">
      <t>ダイ</t>
    </rPh>
    <rPh sb="7" eb="10">
      <t>チュウシャジョウ</t>
    </rPh>
    <phoneticPr fontId="3"/>
  </si>
  <si>
    <t>文化ゾーン第３駐車場</t>
    <rPh sb="0" eb="2">
      <t>ブンカ</t>
    </rPh>
    <rPh sb="5" eb="6">
      <t>ダイ</t>
    </rPh>
    <rPh sb="7" eb="10">
      <t>チュウシャジョウ</t>
    </rPh>
    <phoneticPr fontId="3"/>
  </si>
  <si>
    <t>平塚総合公園南第１駐車場</t>
    <rPh sb="0" eb="2">
      <t>ヒラツカ</t>
    </rPh>
    <rPh sb="2" eb="4">
      <t>ソウゴウ</t>
    </rPh>
    <rPh sb="4" eb="6">
      <t>コウエン</t>
    </rPh>
    <rPh sb="6" eb="7">
      <t>ミナミ</t>
    </rPh>
    <rPh sb="7" eb="8">
      <t>ダイ</t>
    </rPh>
    <rPh sb="9" eb="12">
      <t>チュウシャジョウ</t>
    </rPh>
    <phoneticPr fontId="3"/>
  </si>
  <si>
    <t>平塚総合公園南第２駐車場</t>
    <rPh sb="6" eb="7">
      <t>ミナミ</t>
    </rPh>
    <rPh sb="7" eb="8">
      <t>ダイ</t>
    </rPh>
    <rPh sb="9" eb="12">
      <t>チュウシャジョウ</t>
    </rPh>
    <phoneticPr fontId="3"/>
  </si>
  <si>
    <t>平塚総合公園西第１駐車場</t>
    <rPh sb="6" eb="7">
      <t>ニシ</t>
    </rPh>
    <rPh sb="7" eb="8">
      <t>ダイ</t>
    </rPh>
    <rPh sb="9" eb="12">
      <t>チュウシャジョウ</t>
    </rPh>
    <phoneticPr fontId="3"/>
  </si>
  <si>
    <t>平塚総合公園西第２駐車場</t>
    <rPh sb="6" eb="7">
      <t>ニシ</t>
    </rPh>
    <rPh sb="7" eb="8">
      <t>ダイ</t>
    </rPh>
    <rPh sb="9" eb="12">
      <t>チュウシャジョウ</t>
    </rPh>
    <phoneticPr fontId="3"/>
  </si>
  <si>
    <t>平塚総合公園北駐車場</t>
    <rPh sb="6" eb="7">
      <t>キタ</t>
    </rPh>
    <rPh sb="7" eb="10">
      <t>チュウシャジョウ</t>
    </rPh>
    <phoneticPr fontId="3"/>
  </si>
  <si>
    <t>平塚総合公園管理事務所駐車場</t>
    <rPh sb="6" eb="8">
      <t>カンリ</t>
    </rPh>
    <rPh sb="8" eb="10">
      <t>ジム</t>
    </rPh>
    <rPh sb="10" eb="11">
      <t>ショ</t>
    </rPh>
    <rPh sb="11" eb="14">
      <t>チュウシャジョウ</t>
    </rPh>
    <phoneticPr fontId="3"/>
  </si>
  <si>
    <t>馬入ふれあい公園（ひらつかサン・ライフアリーナ、馬入サッカー場）</t>
    <rPh sb="0" eb="2">
      <t>バニュウ</t>
    </rPh>
    <rPh sb="6" eb="8">
      <t>コウエン</t>
    </rPh>
    <rPh sb="24" eb="26">
      <t>バニュウ</t>
    </rPh>
    <rPh sb="30" eb="31">
      <t>ジョウ</t>
    </rPh>
    <phoneticPr fontId="3"/>
  </si>
  <si>
    <t>湘南海岸公園</t>
    <rPh sb="0" eb="2">
      <t>ショウナン</t>
    </rPh>
    <rPh sb="2" eb="4">
      <t>カイガン</t>
    </rPh>
    <rPh sb="4" eb="6">
      <t>コウエン</t>
    </rPh>
    <phoneticPr fontId="3"/>
  </si>
  <si>
    <t>高麗山公園（湘南平）頂上駐車場</t>
    <rPh sb="0" eb="2">
      <t>コマ</t>
    </rPh>
    <rPh sb="2" eb="3">
      <t>ヤマ</t>
    </rPh>
    <rPh sb="3" eb="5">
      <t>コウエン</t>
    </rPh>
    <rPh sb="6" eb="8">
      <t>ショウナン</t>
    </rPh>
    <rPh sb="8" eb="9">
      <t>ダイラ</t>
    </rPh>
    <rPh sb="10" eb="12">
      <t>チョウジョウ</t>
    </rPh>
    <rPh sb="12" eb="15">
      <t>チュウシャジョウ</t>
    </rPh>
    <phoneticPr fontId="3"/>
  </si>
  <si>
    <t>土屋霊園墓地</t>
    <rPh sb="0" eb="2">
      <t>ツチヤ</t>
    </rPh>
    <rPh sb="2" eb="4">
      <t>レイエン</t>
    </rPh>
    <rPh sb="4" eb="6">
      <t>ボチ</t>
    </rPh>
    <phoneticPr fontId="3"/>
  </si>
  <si>
    <t>平塚市福祉会館</t>
    <rPh sb="0" eb="2">
      <t>ヒラツカ</t>
    </rPh>
    <rPh sb="2" eb="3">
      <t>シ</t>
    </rPh>
    <rPh sb="3" eb="5">
      <t>フクシ</t>
    </rPh>
    <rPh sb="5" eb="7">
      <t>カイカン</t>
    </rPh>
    <phoneticPr fontId="3"/>
  </si>
  <si>
    <t>平塚市西部福祉会館</t>
    <rPh sb="0" eb="3">
      <t>ヒラツカシ</t>
    </rPh>
    <rPh sb="3" eb="5">
      <t>セイブ</t>
    </rPh>
    <rPh sb="5" eb="7">
      <t>フクシ</t>
    </rPh>
    <rPh sb="7" eb="9">
      <t>カイカン</t>
    </rPh>
    <phoneticPr fontId="3"/>
  </si>
  <si>
    <t>なぎさふれあいセンター</t>
    <phoneticPr fontId="3"/>
  </si>
  <si>
    <t>南部福祉会館、平塚南図書館、袖ケ浜デイサービスセンター、
花水公民館附属体育館
(花水地区町内福祉村)が併設</t>
    <rPh sb="7" eb="9">
      <t>ヒラツカ</t>
    </rPh>
    <rPh sb="9" eb="10">
      <t>ミナミ</t>
    </rPh>
    <rPh sb="10" eb="13">
      <t>トショカン</t>
    </rPh>
    <rPh sb="52" eb="54">
      <t>ヘイセツ</t>
    </rPh>
    <phoneticPr fontId="3"/>
  </si>
  <si>
    <t>平塚市余熱利用施設（リフレッシュプラザ平塚）</t>
    <rPh sb="0" eb="3">
      <t>ヒラツカシ</t>
    </rPh>
    <rPh sb="3" eb="5">
      <t>ヨネツ</t>
    </rPh>
    <rPh sb="5" eb="7">
      <t>リヨウ</t>
    </rPh>
    <rPh sb="7" eb="9">
      <t>シセツ</t>
    </rPh>
    <rPh sb="19" eb="21">
      <t>ヒラツカ</t>
    </rPh>
    <phoneticPr fontId="3"/>
  </si>
  <si>
    <t>平塚栗原ホーム</t>
    <phoneticPr fontId="3"/>
  </si>
  <si>
    <t>港こども園</t>
    <rPh sb="0" eb="1">
      <t>ミナト</t>
    </rPh>
    <rPh sb="4" eb="5">
      <t>エン</t>
    </rPh>
    <phoneticPr fontId="3"/>
  </si>
  <si>
    <t>こども発達支援室くれよん</t>
    <phoneticPr fontId="3"/>
  </si>
  <si>
    <t>平塚市保健センター</t>
    <rPh sb="0" eb="3">
      <t>ヒラツカシ</t>
    </rPh>
    <rPh sb="3" eb="5">
      <t>ホケン</t>
    </rPh>
    <phoneticPr fontId="3"/>
  </si>
  <si>
    <t>平塚市リサイクルプラザ</t>
    <rPh sb="0" eb="3">
      <t>ヒラツカシ</t>
    </rPh>
    <phoneticPr fontId="3"/>
  </si>
  <si>
    <t>四之宮ふれあいセンター</t>
    <rPh sb="0" eb="3">
      <t>シノミヤ</t>
    </rPh>
    <phoneticPr fontId="3"/>
  </si>
  <si>
    <t>平塚競輪場</t>
    <rPh sb="0" eb="2">
      <t>ヒラツカ</t>
    </rPh>
    <rPh sb="2" eb="4">
      <t>ケイリン</t>
    </rPh>
    <rPh sb="4" eb="5">
      <t>ジョウ</t>
    </rPh>
    <phoneticPr fontId="3"/>
  </si>
  <si>
    <t>平塚文化芸術ホール</t>
    <rPh sb="0" eb="2">
      <t>ヒラツカ</t>
    </rPh>
    <rPh sb="2" eb="4">
      <t>ブンカ</t>
    </rPh>
    <rPh sb="4" eb="6">
      <t>ゲイジュツ</t>
    </rPh>
    <phoneticPr fontId="3"/>
  </si>
  <si>
    <t>農の体験・交流館</t>
    <rPh sb="0" eb="1">
      <t>ノウ</t>
    </rPh>
    <rPh sb="2" eb="4">
      <t>タイケン</t>
    </rPh>
    <rPh sb="5" eb="7">
      <t>コウリュウ</t>
    </rPh>
    <rPh sb="7" eb="8">
      <t>カン</t>
    </rPh>
    <phoneticPr fontId="3"/>
  </si>
  <si>
    <t>平塚市中央公民館</t>
    <rPh sb="0" eb="3">
      <t>ヒラツカシ</t>
    </rPh>
    <phoneticPr fontId="3"/>
  </si>
  <si>
    <t>崇善公民館</t>
    <rPh sb="2" eb="5">
      <t>コウミンカン</t>
    </rPh>
    <phoneticPr fontId="3"/>
  </si>
  <si>
    <t>ひらつか市民活動センター併設</t>
    <rPh sb="4" eb="6">
      <t>シミン</t>
    </rPh>
    <rPh sb="6" eb="8">
      <t>カツドウ</t>
    </rPh>
    <rPh sb="12" eb="14">
      <t>ヘイセツ</t>
    </rPh>
    <phoneticPr fontId="3"/>
  </si>
  <si>
    <t>なでしこ公民館</t>
    <rPh sb="4" eb="7">
      <t>コウミンカン</t>
    </rPh>
    <phoneticPr fontId="3"/>
  </si>
  <si>
    <t>市民窓口センター併設</t>
    <rPh sb="0" eb="2">
      <t>シミン</t>
    </rPh>
    <rPh sb="2" eb="4">
      <t>マドグチ</t>
    </rPh>
    <rPh sb="8" eb="10">
      <t>ヘイセツ</t>
    </rPh>
    <phoneticPr fontId="3"/>
  </si>
  <si>
    <t>大野公民館</t>
    <rPh sb="2" eb="5">
      <t>コウミンカン</t>
    </rPh>
    <phoneticPr fontId="3"/>
  </si>
  <si>
    <t>中原公民館</t>
    <rPh sb="2" eb="5">
      <t>コウミンカン</t>
    </rPh>
    <phoneticPr fontId="3"/>
  </si>
  <si>
    <t>大原公民館</t>
    <rPh sb="2" eb="5">
      <t>コウミンカン</t>
    </rPh>
    <phoneticPr fontId="3"/>
  </si>
  <si>
    <t>神田公民館</t>
    <rPh sb="2" eb="5">
      <t>コウミンカン</t>
    </rPh>
    <phoneticPr fontId="3"/>
  </si>
  <si>
    <t>大神公民館</t>
    <rPh sb="2" eb="5">
      <t>コウミンカン</t>
    </rPh>
    <phoneticPr fontId="3"/>
  </si>
  <si>
    <t>岡崎公民館</t>
    <rPh sb="2" eb="5">
      <t>コウミンカン</t>
    </rPh>
    <phoneticPr fontId="3"/>
  </si>
  <si>
    <t>城島公民館</t>
    <rPh sb="2" eb="5">
      <t>コウミンカン</t>
    </rPh>
    <phoneticPr fontId="3"/>
  </si>
  <si>
    <t>金目公民館</t>
    <rPh sb="2" eb="5">
      <t>コウミンカン</t>
    </rPh>
    <phoneticPr fontId="3"/>
  </si>
  <si>
    <t>金田公民館</t>
    <rPh sb="2" eb="5">
      <t>コウミンカン</t>
    </rPh>
    <phoneticPr fontId="3"/>
  </si>
  <si>
    <t>土屋公民館</t>
    <rPh sb="2" eb="5">
      <t>コウミンカン</t>
    </rPh>
    <phoneticPr fontId="3"/>
  </si>
  <si>
    <t>吉沢公民館</t>
    <rPh sb="2" eb="5">
      <t>コウミンカン</t>
    </rPh>
    <phoneticPr fontId="3"/>
  </si>
  <si>
    <t>旭南公民館</t>
    <rPh sb="2" eb="5">
      <t>コウミンカン</t>
    </rPh>
    <phoneticPr fontId="3"/>
  </si>
  <si>
    <t>旭北公民館</t>
    <rPh sb="2" eb="5">
      <t>コウミンカン</t>
    </rPh>
    <phoneticPr fontId="3"/>
  </si>
  <si>
    <t>平塚西図書館</t>
    <rPh sb="0" eb="3">
      <t>ヒラツカニシ</t>
    </rPh>
    <rPh sb="3" eb="6">
      <t>トショカン</t>
    </rPh>
    <phoneticPr fontId="3"/>
  </si>
  <si>
    <t>平塚北図書館</t>
    <rPh sb="0" eb="2">
      <t>ヒラツカ</t>
    </rPh>
    <rPh sb="2" eb="3">
      <t>キタ</t>
    </rPh>
    <rPh sb="3" eb="6">
      <t>トショカン</t>
    </rPh>
    <phoneticPr fontId="3"/>
  </si>
  <si>
    <t>神田公民館、市民窓口センター併設</t>
    <rPh sb="0" eb="2">
      <t>カンダ</t>
    </rPh>
    <rPh sb="2" eb="5">
      <t>コウミンカン</t>
    </rPh>
    <rPh sb="6" eb="8">
      <t>シミン</t>
    </rPh>
    <rPh sb="8" eb="10">
      <t>マドグチ</t>
    </rPh>
    <rPh sb="14" eb="16">
      <t>ヘイセツ</t>
    </rPh>
    <phoneticPr fontId="3"/>
  </si>
  <si>
    <t>湘南ひらつかパークゴルフ場</t>
    <rPh sb="0" eb="2">
      <t>ショウナン</t>
    </rPh>
    <phoneticPr fontId="3"/>
  </si>
  <si>
    <t>桃浜町庭球場</t>
    <rPh sb="2" eb="3">
      <t>マチ</t>
    </rPh>
    <phoneticPr fontId="3"/>
  </si>
  <si>
    <t>紅谷町立体駐車場</t>
    <phoneticPr fontId="3"/>
  </si>
  <si>
    <t>三浦市</t>
    <rPh sb="0" eb="3">
      <t>ミウラシ</t>
    </rPh>
    <phoneticPr fontId="3"/>
  </si>
  <si>
    <t>三浦市役所第１駐車場</t>
    <rPh sb="0" eb="5">
      <t>ミウラシヤクショ</t>
    </rPh>
    <rPh sb="5" eb="6">
      <t>ダイ</t>
    </rPh>
    <rPh sb="7" eb="10">
      <t>チュウシャジョウ</t>
    </rPh>
    <phoneticPr fontId="3"/>
  </si>
  <si>
    <t>三浦市役所第２分館前駐車場</t>
    <rPh sb="0" eb="5">
      <t>ミウラシヤクショ</t>
    </rPh>
    <rPh sb="5" eb="6">
      <t>ダイ</t>
    </rPh>
    <rPh sb="7" eb="9">
      <t>ブンカン</t>
    </rPh>
    <rPh sb="9" eb="10">
      <t>マエ</t>
    </rPh>
    <rPh sb="10" eb="13">
      <t>チュウシャジョウ</t>
    </rPh>
    <phoneticPr fontId="3"/>
  </si>
  <si>
    <t>三浦市南下浦コミュニティセンター</t>
    <rPh sb="0" eb="3">
      <t>ミウラシ</t>
    </rPh>
    <rPh sb="3" eb="6">
      <t>ミナミシタウラ</t>
    </rPh>
    <phoneticPr fontId="3"/>
  </si>
  <si>
    <t>三浦市初声市民センター</t>
    <rPh sb="3" eb="4">
      <t>ハツ</t>
    </rPh>
    <rPh sb="4" eb="5">
      <t>コエ</t>
    </rPh>
    <rPh sb="5" eb="7">
      <t>シミン</t>
    </rPh>
    <phoneticPr fontId="3"/>
  </si>
  <si>
    <t>三浦市総合体育館（潮風アリーナ）</t>
    <rPh sb="0" eb="3">
      <t>ミウラシ</t>
    </rPh>
    <rPh sb="3" eb="5">
      <t>ソウゴウ</t>
    </rPh>
    <rPh sb="5" eb="8">
      <t>タイイクカン</t>
    </rPh>
    <rPh sb="9" eb="11">
      <t>シオカゼ</t>
    </rPh>
    <phoneticPr fontId="3"/>
  </si>
  <si>
    <t>三浦スポーツ公園</t>
    <rPh sb="0" eb="2">
      <t>ミウラ</t>
    </rPh>
    <rPh sb="6" eb="8">
      <t>コウエン</t>
    </rPh>
    <phoneticPr fontId="3"/>
  </si>
  <si>
    <t>三浦市市民交流拠点駐車場</t>
    <rPh sb="0" eb="3">
      <t>ミウラシ</t>
    </rPh>
    <rPh sb="3" eb="5">
      <t>シミン</t>
    </rPh>
    <rPh sb="5" eb="7">
      <t>コウリュウ</t>
    </rPh>
    <rPh sb="7" eb="9">
      <t>キョテン</t>
    </rPh>
    <rPh sb="9" eb="12">
      <t>チュウシャジョウ</t>
    </rPh>
    <phoneticPr fontId="3"/>
  </si>
  <si>
    <t>三浦市油壺駐車場</t>
  </si>
  <si>
    <t>三浦市三崎水産物地方卸売市場</t>
    <rPh sb="0" eb="3">
      <t>ミウラシ</t>
    </rPh>
    <rPh sb="3" eb="5">
      <t>ミサキ</t>
    </rPh>
    <rPh sb="5" eb="8">
      <t>スイサンブツ</t>
    </rPh>
    <rPh sb="8" eb="10">
      <t>チホウ</t>
    </rPh>
    <rPh sb="10" eb="12">
      <t>オロシウリ</t>
    </rPh>
    <rPh sb="12" eb="14">
      <t>シジョウ</t>
    </rPh>
    <phoneticPr fontId="3"/>
  </si>
  <si>
    <t>三浦市立病院</t>
    <rPh sb="0" eb="6">
      <t>ミウラシリツビョウイン</t>
    </rPh>
    <phoneticPr fontId="3"/>
  </si>
  <si>
    <t>小田原市</t>
    <rPh sb="0" eb="4">
      <t>オダワラシ</t>
    </rPh>
    <phoneticPr fontId="3"/>
  </si>
  <si>
    <t>上下水道局</t>
    <rPh sb="0" eb="2">
      <t>ジョウゲ</t>
    </rPh>
    <rPh sb="2" eb="5">
      <t>スイドウキョク</t>
    </rPh>
    <phoneticPr fontId="3"/>
  </si>
  <si>
    <t>寿町ふれあい広場</t>
    <rPh sb="0" eb="2">
      <t>コトブキチョウ</t>
    </rPh>
    <rPh sb="6" eb="8">
      <t>ヒロバ</t>
    </rPh>
    <phoneticPr fontId="3"/>
  </si>
  <si>
    <t>小田原市</t>
    <rPh sb="0" eb="3">
      <t>オダワラ</t>
    </rPh>
    <rPh sb="3" eb="4">
      <t>シ</t>
    </rPh>
    <phoneticPr fontId="3"/>
  </si>
  <si>
    <t>小田原市役所</t>
    <rPh sb="0" eb="6">
      <t>オダワラシヤクショ</t>
    </rPh>
    <phoneticPr fontId="3"/>
  </si>
  <si>
    <t>小田原競輪場</t>
    <rPh sb="0" eb="3">
      <t>オダワラ</t>
    </rPh>
    <rPh sb="3" eb="6">
      <t>ケイリンジョウ</t>
    </rPh>
    <phoneticPr fontId="3"/>
  </si>
  <si>
    <t>小田原市城山４－１０－１</t>
    <rPh sb="0" eb="3">
      <t>オダワラ</t>
    </rPh>
    <rPh sb="3" eb="4">
      <t>シ</t>
    </rPh>
    <rPh sb="4" eb="6">
      <t>シロヤマ</t>
    </rPh>
    <phoneticPr fontId="3"/>
  </si>
  <si>
    <t>小田原市川東タウンセンターマロニエ</t>
    <rPh sb="0" eb="4">
      <t>オダワラシ</t>
    </rPh>
    <rPh sb="4" eb="6">
      <t>カワヒガシ</t>
    </rPh>
    <phoneticPr fontId="3"/>
  </si>
  <si>
    <t>小田原市城北タウンセンターいずみ</t>
    <rPh sb="0" eb="4">
      <t>オダワラシ</t>
    </rPh>
    <rPh sb="4" eb="6">
      <t>ジョウホク</t>
    </rPh>
    <phoneticPr fontId="3"/>
  </si>
  <si>
    <t>小田原市橘タウンセンターこゆるぎ</t>
    <rPh sb="0" eb="4">
      <t>オダワラシ</t>
    </rPh>
    <rPh sb="4" eb="5">
      <t>タチバナ</t>
    </rPh>
    <phoneticPr fontId="3"/>
  </si>
  <si>
    <t>小田原三の丸ホール</t>
    <rPh sb="0" eb="3">
      <t>オダワラ</t>
    </rPh>
    <rPh sb="3" eb="4">
      <t>サン</t>
    </rPh>
    <rPh sb="5" eb="6">
      <t>マル</t>
    </rPh>
    <phoneticPr fontId="3"/>
  </si>
  <si>
    <t>小田原市　尊徳記念館</t>
    <rPh sb="0" eb="4">
      <t>オダワラシ</t>
    </rPh>
    <rPh sb="5" eb="10">
      <t>ソントクキネンカン</t>
    </rPh>
    <phoneticPr fontId="3"/>
  </si>
  <si>
    <t>※駐車場総区画数のうち、８台分はバスレーン</t>
    <rPh sb="1" eb="4">
      <t>チュウシャジョウ</t>
    </rPh>
    <rPh sb="4" eb="7">
      <t>ソウクカク</t>
    </rPh>
    <rPh sb="7" eb="8">
      <t>スウ</t>
    </rPh>
    <rPh sb="13" eb="14">
      <t>ダイ</t>
    </rPh>
    <rPh sb="14" eb="15">
      <t>ブン</t>
    </rPh>
    <phoneticPr fontId="3"/>
  </si>
  <si>
    <t>小田原文学館</t>
    <rPh sb="0" eb="3">
      <t>オダワラ</t>
    </rPh>
    <rPh sb="3" eb="6">
      <t>ブンガクカン</t>
    </rPh>
    <phoneticPr fontId="3"/>
  </si>
  <si>
    <t>小田原市文化体育館・小田原アリーナ</t>
    <rPh sb="0" eb="4">
      <t>オダワラシ</t>
    </rPh>
    <rPh sb="4" eb="6">
      <t>ブンカ</t>
    </rPh>
    <rPh sb="6" eb="9">
      <t>タイイクカン</t>
    </rPh>
    <rPh sb="10" eb="13">
      <t>オダワラ</t>
    </rPh>
    <phoneticPr fontId="3"/>
  </si>
  <si>
    <t>小田原テニスガーデン</t>
    <rPh sb="0" eb="3">
      <t>オダワラ</t>
    </rPh>
    <phoneticPr fontId="3"/>
  </si>
  <si>
    <t>城山陸上競技場</t>
    <rPh sb="0" eb="4">
      <t>シロヤマリクジョウ</t>
    </rPh>
    <rPh sb="4" eb="7">
      <t>キョウギジョウ</t>
    </rPh>
    <phoneticPr fontId="3"/>
  </si>
  <si>
    <t>小田原市斎場</t>
    <rPh sb="0" eb="3">
      <t>オダワラ</t>
    </rPh>
    <rPh sb="3" eb="4">
      <t>シ</t>
    </rPh>
    <rPh sb="4" eb="6">
      <t>サイジョウ</t>
    </rPh>
    <phoneticPr fontId="3"/>
  </si>
  <si>
    <t>いそしぎ</t>
    <phoneticPr fontId="3"/>
  </si>
  <si>
    <t>小田原市歯科二次診療所</t>
    <rPh sb="0" eb="4">
      <t>オダワラシ</t>
    </rPh>
    <rPh sb="4" eb="6">
      <t>シカ</t>
    </rPh>
    <rPh sb="6" eb="8">
      <t>ニジ</t>
    </rPh>
    <rPh sb="8" eb="11">
      <t>シンリョウジョ</t>
    </rPh>
    <phoneticPr fontId="3"/>
  </si>
  <si>
    <t>小田原市南鴨宮２－２７－１９</t>
    <rPh sb="0" eb="4">
      <t>オダワラシ</t>
    </rPh>
    <rPh sb="4" eb="7">
      <t>ミナミカモノミヤ</t>
    </rPh>
    <phoneticPr fontId="3"/>
  </si>
  <si>
    <t>小田原市保健センター</t>
    <rPh sb="0" eb="6">
      <t>オダワラシホケン</t>
    </rPh>
    <phoneticPr fontId="3"/>
  </si>
  <si>
    <t>小田原市観光交流センター</t>
    <phoneticPr fontId="3"/>
  </si>
  <si>
    <t>施設利用者のみ利用可
※事前予約制：無料</t>
    <rPh sb="7" eb="9">
      <t>リヨウ</t>
    </rPh>
    <rPh sb="9" eb="10">
      <t>カ</t>
    </rPh>
    <phoneticPr fontId="3"/>
  </si>
  <si>
    <t>梅の里センター</t>
    <rPh sb="0" eb="1">
      <t>ウメ</t>
    </rPh>
    <rPh sb="2" eb="3">
      <t>サト</t>
    </rPh>
    <phoneticPr fontId="3"/>
  </si>
  <si>
    <t>曽我みのり館</t>
    <rPh sb="0" eb="2">
      <t>ソガ</t>
    </rPh>
    <rPh sb="5" eb="6">
      <t>カン</t>
    </rPh>
    <phoneticPr fontId="3"/>
  </si>
  <si>
    <t>小田原漁港交流促進施設</t>
    <rPh sb="0" eb="11">
      <t>オダワラギョコウコウリュウソクシンシセツ</t>
    </rPh>
    <phoneticPr fontId="3"/>
  </si>
  <si>
    <t>藤棚臨時観光バス駐車場</t>
    <rPh sb="0" eb="2">
      <t>フジダナ</t>
    </rPh>
    <rPh sb="2" eb="4">
      <t>リンジ</t>
    </rPh>
    <rPh sb="4" eb="6">
      <t>カンコウ</t>
    </rPh>
    <rPh sb="8" eb="10">
      <t>チュウシャ</t>
    </rPh>
    <rPh sb="10" eb="11">
      <t>ジョウ</t>
    </rPh>
    <phoneticPr fontId="3"/>
  </si>
  <si>
    <t>石垣山一夜城駐車場</t>
    <rPh sb="0" eb="6">
      <t>イシガキヤマイチヤジョウ</t>
    </rPh>
    <rPh sb="6" eb="9">
      <t>チュウシャジョウ</t>
    </rPh>
    <phoneticPr fontId="3"/>
  </si>
  <si>
    <t>小田原こどもの森公園わんぱくらんど</t>
    <rPh sb="0" eb="3">
      <t>オダワラ</t>
    </rPh>
    <rPh sb="7" eb="8">
      <t>モリ</t>
    </rPh>
    <rPh sb="8" eb="10">
      <t>コウエン</t>
    </rPh>
    <phoneticPr fontId="3"/>
  </si>
  <si>
    <t>上府中公園</t>
    <rPh sb="0" eb="5">
      <t>カミフナカコウエン</t>
    </rPh>
    <phoneticPr fontId="3"/>
  </si>
  <si>
    <t>小田原フラワーガーデン</t>
    <rPh sb="0" eb="3">
      <t>オダワラ</t>
    </rPh>
    <phoneticPr fontId="3"/>
  </si>
  <si>
    <t>小田原市立病院</t>
    <rPh sb="0" eb="7">
      <t>オダワラシリツビョウイン</t>
    </rPh>
    <phoneticPr fontId="3"/>
  </si>
  <si>
    <t>小田原消防署</t>
    <rPh sb="0" eb="6">
      <t>オダワラショウボウショ</t>
    </rPh>
    <phoneticPr fontId="3"/>
  </si>
  <si>
    <t>消防本部庁舎に各種届出、申請等で来庁する業者等で混みあうことが多い</t>
    <rPh sb="0" eb="6">
      <t>ショウボウホンブチョウシャ</t>
    </rPh>
    <rPh sb="7" eb="9">
      <t>カクシュ</t>
    </rPh>
    <rPh sb="9" eb="11">
      <t>トドケデ</t>
    </rPh>
    <rPh sb="12" eb="14">
      <t>シンセイ</t>
    </rPh>
    <rPh sb="14" eb="15">
      <t>トウ</t>
    </rPh>
    <rPh sb="16" eb="18">
      <t>ライチョウ</t>
    </rPh>
    <rPh sb="20" eb="23">
      <t>ギョウシャトウ</t>
    </rPh>
    <rPh sb="24" eb="25">
      <t>コ</t>
    </rPh>
    <rPh sb="31" eb="32">
      <t>オオ</t>
    </rPh>
    <phoneticPr fontId="3"/>
  </si>
  <si>
    <t>小田原市学校給食センター
（令和７年４月～運用開始）</t>
    <rPh sb="0" eb="8">
      <t>オダワラシガッコウキュウショク</t>
    </rPh>
    <rPh sb="14" eb="16">
      <t>レイワ</t>
    </rPh>
    <rPh sb="17" eb="18">
      <t>ネン</t>
    </rPh>
    <rPh sb="19" eb="20">
      <t>ガツ</t>
    </rPh>
    <rPh sb="21" eb="23">
      <t>ウンヨウ</t>
    </rPh>
    <rPh sb="23" eb="25">
      <t>カイシ</t>
    </rPh>
    <phoneticPr fontId="3"/>
  </si>
  <si>
    <t>箱根町</t>
    <rPh sb="0" eb="3">
      <t>ハコネマチ</t>
    </rPh>
    <phoneticPr fontId="3"/>
  </si>
  <si>
    <t>箱根町役場</t>
    <rPh sb="0" eb="5">
      <t>ハコネマチヤクバ</t>
    </rPh>
    <phoneticPr fontId="3"/>
  </si>
  <si>
    <t>仙石原出張所</t>
    <rPh sb="0" eb="3">
      <t>センゴクハラ</t>
    </rPh>
    <rPh sb="3" eb="6">
      <t>シュッチョウジョ</t>
    </rPh>
    <phoneticPr fontId="3"/>
  </si>
  <si>
    <t>社会教育センター</t>
    <rPh sb="0" eb="4">
      <t>シャカイキョウイク</t>
    </rPh>
    <phoneticPr fontId="3"/>
  </si>
  <si>
    <t>箱根関所</t>
    <rPh sb="0" eb="4">
      <t>ハコネセキショ</t>
    </rPh>
    <phoneticPr fontId="3"/>
  </si>
  <si>
    <t>箱根湿生花園</t>
    <rPh sb="0" eb="6">
      <t>ハコネシッセイカエン</t>
    </rPh>
    <phoneticPr fontId="3"/>
  </si>
  <si>
    <t>箱根町総合保健福祉センター</t>
    <rPh sb="0" eb="9">
      <t>ハコネマチソウゴウホケンフクシ</t>
    </rPh>
    <phoneticPr fontId="3"/>
  </si>
  <si>
    <t>箱根町消防本部</t>
    <rPh sb="0" eb="7">
      <t>ハコネマチショウボウホンブ</t>
    </rPh>
    <phoneticPr fontId="3"/>
  </si>
  <si>
    <t>箱根町消防署湯本分署</t>
    <rPh sb="0" eb="6">
      <t>ハコネマチショウボウショ</t>
    </rPh>
    <rPh sb="6" eb="10">
      <t>ユモトブンショ</t>
    </rPh>
    <phoneticPr fontId="3"/>
  </si>
  <si>
    <t>箱根町総合体育館「星槎レイクアリーナ」</t>
    <rPh sb="0" eb="8">
      <t>ハコネマチソウゴウタイイクカン</t>
    </rPh>
    <rPh sb="9" eb="11">
      <t>セイサ</t>
    </rPh>
    <phoneticPr fontId="3"/>
  </si>
  <si>
    <t>鎌倉市</t>
    <rPh sb="0" eb="3">
      <t>カマクラシ</t>
    </rPh>
    <phoneticPr fontId="3"/>
  </si>
  <si>
    <t>鎌倉市役所</t>
    <rPh sb="0" eb="2">
      <t>カマクラ</t>
    </rPh>
    <rPh sb="2" eb="5">
      <t>シヤクショ</t>
    </rPh>
    <phoneticPr fontId="3"/>
  </si>
  <si>
    <t>鎌倉市腰越行政センター</t>
    <rPh sb="0" eb="3">
      <t>カマクラシ</t>
    </rPh>
    <rPh sb="3" eb="7">
      <t>コシゴエギョウセイ</t>
    </rPh>
    <phoneticPr fontId="3"/>
  </si>
  <si>
    <t>鎌倉市深沢行政センター</t>
    <rPh sb="0" eb="3">
      <t>カマクラシ</t>
    </rPh>
    <rPh sb="3" eb="5">
      <t>フカサワ</t>
    </rPh>
    <rPh sb="5" eb="7">
      <t>ギョウセイ</t>
    </rPh>
    <phoneticPr fontId="3"/>
  </si>
  <si>
    <t>鎌倉市大船行政センター</t>
    <rPh sb="0" eb="3">
      <t>カマクラシ</t>
    </rPh>
    <rPh sb="3" eb="5">
      <t>オオフナ</t>
    </rPh>
    <rPh sb="5" eb="7">
      <t>ギョウセイ</t>
    </rPh>
    <phoneticPr fontId="3"/>
  </si>
  <si>
    <t>鎌倉市玉縄行政センター</t>
    <rPh sb="0" eb="3">
      <t>カマクラシ</t>
    </rPh>
    <rPh sb="3" eb="5">
      <t>タマナワ</t>
    </rPh>
    <rPh sb="5" eb="7">
      <t>ギョウセイ</t>
    </rPh>
    <phoneticPr fontId="3"/>
  </si>
  <si>
    <t>鎌倉芸術館</t>
    <rPh sb="0" eb="2">
      <t>カマクラ</t>
    </rPh>
    <rPh sb="2" eb="5">
      <t>ゲイジュツカン</t>
    </rPh>
    <phoneticPr fontId="3"/>
  </si>
  <si>
    <t>鎌倉市川喜多映画記念館</t>
    <rPh sb="0" eb="3">
      <t>カマクラシ</t>
    </rPh>
    <rPh sb="3" eb="6">
      <t>カワキタ</t>
    </rPh>
    <rPh sb="6" eb="8">
      <t>エイガ</t>
    </rPh>
    <rPh sb="8" eb="10">
      <t>キネン</t>
    </rPh>
    <rPh sb="10" eb="11">
      <t>カン</t>
    </rPh>
    <phoneticPr fontId="3"/>
  </si>
  <si>
    <t>由比ガ浜保育園</t>
    <rPh sb="0" eb="2">
      <t>ユイ</t>
    </rPh>
    <rPh sb="3" eb="7">
      <t>ハマホイクエン</t>
    </rPh>
    <phoneticPr fontId="3"/>
  </si>
  <si>
    <t>深沢保育園</t>
    <rPh sb="0" eb="5">
      <t>フカサワホイクエン</t>
    </rPh>
    <phoneticPr fontId="3"/>
  </si>
  <si>
    <t>岡本保育園</t>
    <rPh sb="0" eb="5">
      <t>オカモトホイクエン</t>
    </rPh>
    <phoneticPr fontId="3"/>
  </si>
  <si>
    <t>鎌倉市</t>
    <rPh sb="0" eb="2">
      <t>カマクラ</t>
    </rPh>
    <rPh sb="2" eb="3">
      <t>シ</t>
    </rPh>
    <phoneticPr fontId="3"/>
  </si>
  <si>
    <t>鎌倉市福祉センター</t>
    <rPh sb="0" eb="3">
      <t>カマクラシ</t>
    </rPh>
    <rPh sb="3" eb="5">
      <t>フクシ</t>
    </rPh>
    <phoneticPr fontId="3"/>
  </si>
  <si>
    <t>鎌倉市</t>
    <rPh sb="0" eb="3">
      <t>カマクラシ</t>
    </rPh>
    <phoneticPr fontId="4"/>
  </si>
  <si>
    <t>鎌倉中央公園</t>
    <rPh sb="0" eb="2">
      <t>カマクラ</t>
    </rPh>
    <rPh sb="2" eb="6">
      <t>チュウオウコウエン</t>
    </rPh>
    <phoneticPr fontId="4"/>
  </si>
  <si>
    <t>高齢者、体が不自由な方、就学前児童を同伴の方を優先とした事前予約制。
それ以外の方は、当日空きがある場合のみ利用可能。</t>
    <rPh sb="0" eb="3">
      <t>コウレイシャ</t>
    </rPh>
    <rPh sb="4" eb="5">
      <t>カラダ</t>
    </rPh>
    <rPh sb="6" eb="9">
      <t>フジユウ</t>
    </rPh>
    <rPh sb="10" eb="11">
      <t>カタ</t>
    </rPh>
    <rPh sb="12" eb="15">
      <t>シュウガクマエ</t>
    </rPh>
    <rPh sb="15" eb="17">
      <t>ジドウ</t>
    </rPh>
    <rPh sb="18" eb="20">
      <t>ドウハン</t>
    </rPh>
    <rPh sb="21" eb="22">
      <t>カタ</t>
    </rPh>
    <rPh sb="23" eb="25">
      <t>ユウセン</t>
    </rPh>
    <rPh sb="28" eb="30">
      <t>ジゼン</t>
    </rPh>
    <rPh sb="30" eb="33">
      <t>ヨヤクセイ</t>
    </rPh>
    <rPh sb="37" eb="39">
      <t>イガイ</t>
    </rPh>
    <rPh sb="40" eb="41">
      <t>カタ</t>
    </rPh>
    <rPh sb="43" eb="45">
      <t>トウジツ</t>
    </rPh>
    <rPh sb="45" eb="46">
      <t>アキ</t>
    </rPh>
    <rPh sb="50" eb="52">
      <t>バアイ</t>
    </rPh>
    <rPh sb="54" eb="56">
      <t>リヨウ</t>
    </rPh>
    <rPh sb="56" eb="58">
      <t>カノウ</t>
    </rPh>
    <phoneticPr fontId="4"/>
  </si>
  <si>
    <t>夫婦池公園</t>
    <rPh sb="0" eb="3">
      <t>メオトイケ</t>
    </rPh>
    <rPh sb="3" eb="5">
      <t>コウエン</t>
    </rPh>
    <phoneticPr fontId="4"/>
  </si>
  <si>
    <t>鎌倉海浜公園坂ノ下地区</t>
    <rPh sb="0" eb="2">
      <t>カマクラ</t>
    </rPh>
    <rPh sb="2" eb="6">
      <t>カイヒンコウエン</t>
    </rPh>
    <rPh sb="6" eb="7">
      <t>サカ</t>
    </rPh>
    <rPh sb="8" eb="9">
      <t>シタ</t>
    </rPh>
    <rPh sb="9" eb="11">
      <t>チク</t>
    </rPh>
    <phoneticPr fontId="4"/>
  </si>
  <si>
    <t>鎌倉市坂ノ下３４</t>
    <rPh sb="0" eb="3">
      <t>カマクラシ</t>
    </rPh>
    <rPh sb="3" eb="4">
      <t>サカ</t>
    </rPh>
    <rPh sb="5" eb="6">
      <t>シタ</t>
    </rPh>
    <phoneticPr fontId="4"/>
  </si>
  <si>
    <t>笛田公園</t>
    <rPh sb="0" eb="4">
      <t>フエダコウエン</t>
    </rPh>
    <phoneticPr fontId="4"/>
  </si>
  <si>
    <t>史跡永福寺跡</t>
    <rPh sb="0" eb="2">
      <t>シセキ</t>
    </rPh>
    <rPh sb="2" eb="5">
      <t>ヨウフクジ</t>
    </rPh>
    <rPh sb="5" eb="6">
      <t>アト</t>
    </rPh>
    <phoneticPr fontId="3"/>
  </si>
  <si>
    <t>鎌倉歴史文化交流館</t>
    <rPh sb="0" eb="2">
      <t>カマクラ</t>
    </rPh>
    <rPh sb="2" eb="4">
      <t>レキシ</t>
    </rPh>
    <rPh sb="4" eb="6">
      <t>ブンカ</t>
    </rPh>
    <rPh sb="6" eb="8">
      <t>コウリュウ</t>
    </rPh>
    <rPh sb="8" eb="9">
      <t>カン</t>
    </rPh>
    <phoneticPr fontId="3"/>
  </si>
  <si>
    <t>生涯学習センター</t>
    <rPh sb="0" eb="2">
      <t>ショウガイ</t>
    </rPh>
    <rPh sb="2" eb="4">
      <t>ガクシュウ</t>
    </rPh>
    <phoneticPr fontId="3"/>
  </si>
  <si>
    <t>中央図書館</t>
    <rPh sb="0" eb="5">
      <t>チュウオウトショカン</t>
    </rPh>
    <phoneticPr fontId="3"/>
  </si>
  <si>
    <t>鎌倉体育館</t>
    <rPh sb="0" eb="5">
      <t>カマクラタイイクカン</t>
    </rPh>
    <phoneticPr fontId="3"/>
  </si>
  <si>
    <t>鎌倉武道館</t>
    <rPh sb="0" eb="5">
      <t>カマクラブドウカン</t>
    </rPh>
    <phoneticPr fontId="3"/>
  </si>
  <si>
    <t>こもれび山崎温水プール</t>
    <rPh sb="4" eb="6">
      <t>ヤマザキ</t>
    </rPh>
    <rPh sb="6" eb="8">
      <t>オンスイ</t>
    </rPh>
    <phoneticPr fontId="3"/>
  </si>
  <si>
    <t>相模原市</t>
    <rPh sb="0" eb="4">
      <t>サガミハラシ</t>
    </rPh>
    <phoneticPr fontId="3"/>
  </si>
  <si>
    <t>史跡田名向原遺跡旧石器時代学習館</t>
    <rPh sb="0" eb="16">
      <t>シセキタナムカイハライセキキュウセッキジダイガクシュウカン</t>
    </rPh>
    <phoneticPr fontId="3"/>
  </si>
  <si>
    <t>相模原市中央区田名塩田３－２３－１１</t>
    <rPh sb="0" eb="7">
      <t>サガミハラシチュウオウク</t>
    </rPh>
    <rPh sb="7" eb="11">
      <t>タナシオダ</t>
    </rPh>
    <phoneticPr fontId="3"/>
  </si>
  <si>
    <t>相模原市立図書館</t>
    <rPh sb="0" eb="4">
      <t>サガミハラシ</t>
    </rPh>
    <rPh sb="4" eb="5">
      <t>リツ</t>
    </rPh>
    <rPh sb="5" eb="8">
      <t>トショカン</t>
    </rPh>
    <phoneticPr fontId="3"/>
  </si>
  <si>
    <t>相模原市中央区鹿沼台２－１３－１</t>
    <rPh sb="0" eb="4">
      <t>サガミハラシ</t>
    </rPh>
    <rPh sb="4" eb="7">
      <t>チュウオウク</t>
    </rPh>
    <rPh sb="7" eb="10">
      <t>カヌマダイ</t>
    </rPh>
    <phoneticPr fontId="3"/>
  </si>
  <si>
    <t>相模湖林間公園</t>
    <rPh sb="0" eb="2">
      <t>サガミ</t>
    </rPh>
    <rPh sb="2" eb="3">
      <t>コ</t>
    </rPh>
    <rPh sb="3" eb="5">
      <t>リンカン</t>
    </rPh>
    <rPh sb="5" eb="7">
      <t>コウエン</t>
    </rPh>
    <phoneticPr fontId="3"/>
  </si>
  <si>
    <t>相模原市緑区若柳１４３２－２</t>
  </si>
  <si>
    <t>津久井又野公園</t>
    <rPh sb="0" eb="3">
      <t>ツクイ</t>
    </rPh>
    <rPh sb="3" eb="5">
      <t>マタノ</t>
    </rPh>
    <rPh sb="5" eb="7">
      <t>コウエン</t>
    </rPh>
    <phoneticPr fontId="3"/>
  </si>
  <si>
    <t>衛生研究所・環境情報センター</t>
    <rPh sb="0" eb="2">
      <t>エイセイ</t>
    </rPh>
    <rPh sb="2" eb="4">
      <t>ケンキュウ</t>
    </rPh>
    <rPh sb="4" eb="5">
      <t>ジョ</t>
    </rPh>
    <phoneticPr fontId="3"/>
  </si>
  <si>
    <t>市営斎場</t>
    <rPh sb="0" eb="2">
      <t>シエイ</t>
    </rPh>
    <rPh sb="2" eb="4">
      <t>サイジョウ</t>
    </rPh>
    <phoneticPr fontId="3"/>
  </si>
  <si>
    <t>相模湖総合事務所</t>
    <rPh sb="0" eb="2">
      <t>サガミ</t>
    </rPh>
    <rPh sb="2" eb="3">
      <t>コ</t>
    </rPh>
    <rPh sb="3" eb="5">
      <t>ソウゴウ</t>
    </rPh>
    <rPh sb="5" eb="7">
      <t>ジム</t>
    </rPh>
    <rPh sb="7" eb="8">
      <t>ショ</t>
    </rPh>
    <phoneticPr fontId="3"/>
  </si>
  <si>
    <t>相模原市</t>
    <phoneticPr fontId="3"/>
  </si>
  <si>
    <t>小原の郷</t>
    <rPh sb="0" eb="2">
      <t>オバラ</t>
    </rPh>
    <rPh sb="3" eb="4">
      <t>サト</t>
    </rPh>
    <phoneticPr fontId="3"/>
  </si>
  <si>
    <t>博物館</t>
    <rPh sb="0" eb="3">
      <t>ハクブツカン</t>
    </rPh>
    <phoneticPr fontId="3"/>
  </si>
  <si>
    <t>児童相談所</t>
    <rPh sb="0" eb="2">
      <t>ジドウ</t>
    </rPh>
    <rPh sb="2" eb="4">
      <t>ソウダン</t>
    </rPh>
    <rPh sb="4" eb="5">
      <t>ジョ</t>
    </rPh>
    <phoneticPr fontId="3"/>
  </si>
  <si>
    <t>総合学習センター</t>
    <rPh sb="0" eb="2">
      <t>ソウゴウ</t>
    </rPh>
    <rPh sb="2" eb="4">
      <t>ガクシュウ</t>
    </rPh>
    <phoneticPr fontId="3"/>
  </si>
  <si>
    <t>相模原市中央区中央３－１２－１０</t>
    <rPh sb="0" eb="4">
      <t>サガミハラシ</t>
    </rPh>
    <rPh sb="4" eb="7">
      <t>チュウオウク</t>
    </rPh>
    <rPh sb="7" eb="9">
      <t>チュウオウ</t>
    </rPh>
    <phoneticPr fontId="3"/>
  </si>
  <si>
    <t>南保健福祉センター</t>
    <rPh sb="0" eb="1">
      <t>ミナミ</t>
    </rPh>
    <rPh sb="1" eb="3">
      <t>ホケン</t>
    </rPh>
    <rPh sb="3" eb="5">
      <t>フクシ</t>
    </rPh>
    <phoneticPr fontId="3"/>
  </si>
  <si>
    <t>相模原市南区相模大野６－２２－１</t>
    <rPh sb="0" eb="4">
      <t>サガミハラシ</t>
    </rPh>
    <rPh sb="4" eb="6">
      <t>ミナミク</t>
    </rPh>
    <rPh sb="6" eb="10">
      <t>サガミオオノ</t>
    </rPh>
    <phoneticPr fontId="3"/>
  </si>
  <si>
    <t>上溝まちづくりセンター</t>
    <rPh sb="0" eb="2">
      <t>カミミゾ</t>
    </rPh>
    <phoneticPr fontId="3"/>
  </si>
  <si>
    <t>相模原市中央区上溝７－７－１７</t>
    <rPh sb="0" eb="4">
      <t>サガミハラシ</t>
    </rPh>
    <rPh sb="4" eb="7">
      <t>チュウオウク</t>
    </rPh>
    <rPh sb="7" eb="9">
      <t>カミミゾ</t>
    </rPh>
    <phoneticPr fontId="3"/>
  </si>
  <si>
    <t>上溝まちづくりセンターは、上溝公民館に併設している。（※駐車場は共用）</t>
    <rPh sb="0" eb="2">
      <t>カミミゾ</t>
    </rPh>
    <rPh sb="13" eb="15">
      <t>カミミゾ</t>
    </rPh>
    <rPh sb="15" eb="18">
      <t>コウミンカン</t>
    </rPh>
    <rPh sb="19" eb="21">
      <t>ヘイセツ</t>
    </rPh>
    <rPh sb="28" eb="31">
      <t>チュウシャジョウ</t>
    </rPh>
    <rPh sb="32" eb="34">
      <t>キョウヨウ</t>
    </rPh>
    <phoneticPr fontId="3"/>
  </si>
  <si>
    <t>南清掃工場</t>
    <rPh sb="0" eb="5">
      <t>ミナミセイソウコウジョウ</t>
    </rPh>
    <phoneticPr fontId="3"/>
  </si>
  <si>
    <t>相模原市南区麻溝台１５２４－１</t>
    <rPh sb="0" eb="6">
      <t>サガミハラシミナミク</t>
    </rPh>
    <rPh sb="6" eb="9">
      <t>アサミゾダイ</t>
    </rPh>
    <phoneticPr fontId="3"/>
  </si>
  <si>
    <t>南粗大ごみ事務所</t>
    <rPh sb="0" eb="1">
      <t>ミナミ</t>
    </rPh>
    <rPh sb="1" eb="3">
      <t>ソダイ</t>
    </rPh>
    <rPh sb="5" eb="7">
      <t>ジム</t>
    </rPh>
    <rPh sb="7" eb="8">
      <t>ショ</t>
    </rPh>
    <phoneticPr fontId="3"/>
  </si>
  <si>
    <t>相模大野立体駐車場</t>
    <rPh sb="0" eb="4">
      <t>サガミオオノ</t>
    </rPh>
    <rPh sb="4" eb="6">
      <t>リッタイ</t>
    </rPh>
    <rPh sb="6" eb="9">
      <t>チュウシャジョウ</t>
    </rPh>
    <phoneticPr fontId="3"/>
  </si>
  <si>
    <t>①の内訳
・身障者（5区画）　　　　　・マタニティー（3区画）
※マタニティスペースは5階のため、閉鎖中により使用不可</t>
    <rPh sb="2" eb="4">
      <t>ウチワケ</t>
    </rPh>
    <rPh sb="44" eb="45">
      <t>カイ</t>
    </rPh>
    <rPh sb="49" eb="52">
      <t>ヘイサチュウ</t>
    </rPh>
    <rPh sb="55" eb="57">
      <t>シヨウ</t>
    </rPh>
    <rPh sb="57" eb="59">
      <t>フカ</t>
    </rPh>
    <phoneticPr fontId="3"/>
  </si>
  <si>
    <t>相模原駅自動車駐車場</t>
    <rPh sb="0" eb="10">
      <t>サガミハラエキジドウシャチュウシャジョウ</t>
    </rPh>
    <phoneticPr fontId="3"/>
  </si>
  <si>
    <t>①の内訳
・身障者（8区画）　
・マタニティー（2区画）</t>
  </si>
  <si>
    <t>橋本駅北口第１自動車駐車場</t>
    <rPh sb="0" eb="3">
      <t>ハシモトエキ</t>
    </rPh>
    <rPh sb="3" eb="5">
      <t>キタグチ</t>
    </rPh>
    <rPh sb="5" eb="6">
      <t>ダイ</t>
    </rPh>
    <rPh sb="7" eb="13">
      <t>ジドウシャチュウシャジョウ</t>
    </rPh>
    <phoneticPr fontId="3"/>
  </si>
  <si>
    <t>①の内訳
・身障者（18区画）
※2車室は8F店舗棟のため閉鎖中により使用不可
・マタニティー（4区画）</t>
    <rPh sb="18" eb="20">
      <t>シャシツ</t>
    </rPh>
    <rPh sb="23" eb="25">
      <t>テンポ</t>
    </rPh>
    <rPh sb="25" eb="26">
      <t>トウ</t>
    </rPh>
    <rPh sb="29" eb="32">
      <t>ヘイサチュウ</t>
    </rPh>
    <rPh sb="35" eb="39">
      <t>シヨウフカ</t>
    </rPh>
    <phoneticPr fontId="3"/>
  </si>
  <si>
    <t>橋本駅北口第２自動車駐車場</t>
    <rPh sb="0" eb="3">
      <t>ハシモトエキ</t>
    </rPh>
    <rPh sb="3" eb="5">
      <t>キタグチ</t>
    </rPh>
    <rPh sb="5" eb="6">
      <t>ダイ</t>
    </rPh>
    <rPh sb="7" eb="13">
      <t>ジドウシャチュウシャジョウ</t>
    </rPh>
    <phoneticPr fontId="3"/>
  </si>
  <si>
    <t>①の内訳
・身障者（9区画）　　・マタニティー（4区画）</t>
    <phoneticPr fontId="3"/>
  </si>
  <si>
    <t>小田急相模原駅自動車駐車場</t>
    <rPh sb="0" eb="6">
      <t>オダキュウサガミハラ</t>
    </rPh>
    <rPh sb="6" eb="7">
      <t>エキ</t>
    </rPh>
    <rPh sb="7" eb="13">
      <t>ジドウシャチュウシャジョウ</t>
    </rPh>
    <phoneticPr fontId="3"/>
  </si>
  <si>
    <t>①の内訳
・身障者（3区画）　　・マタニティー（1区画）</t>
    <rPh sb="6" eb="9">
      <t>シンショウシャ</t>
    </rPh>
    <rPh sb="11" eb="13">
      <t>クカク</t>
    </rPh>
    <rPh sb="25" eb="27">
      <t>クカク</t>
    </rPh>
    <phoneticPr fontId="3"/>
  </si>
  <si>
    <t>相模大野駅西側自動車駐車場</t>
    <rPh sb="0" eb="5">
      <t>サガミオオノエキ</t>
    </rPh>
    <rPh sb="5" eb="7">
      <t>ニシガワ</t>
    </rPh>
    <rPh sb="7" eb="13">
      <t>ジドウシャチュウシャジョウ</t>
    </rPh>
    <phoneticPr fontId="3"/>
  </si>
  <si>
    <t>①の内訳
・身障者（16区画）　　・マタニティー（8区画）</t>
    <rPh sb="6" eb="9">
      <t>シンショウシャ</t>
    </rPh>
    <rPh sb="12" eb="14">
      <t>クカク</t>
    </rPh>
    <rPh sb="26" eb="28">
      <t>クカク</t>
    </rPh>
    <phoneticPr fontId="3"/>
  </si>
  <si>
    <t>藤野総合事務所</t>
    <rPh sb="0" eb="2">
      <t>フジノ</t>
    </rPh>
    <rPh sb="2" eb="4">
      <t>ソウゴウ</t>
    </rPh>
    <rPh sb="4" eb="6">
      <t>ジム</t>
    </rPh>
    <rPh sb="6" eb="7">
      <t>ショ</t>
    </rPh>
    <phoneticPr fontId="3"/>
  </si>
  <si>
    <t>相模原市立あじさい会館</t>
    <rPh sb="0" eb="5">
      <t>サガミハラシリツ</t>
    </rPh>
    <rPh sb="9" eb="11">
      <t>カイカン</t>
    </rPh>
    <phoneticPr fontId="3"/>
  </si>
  <si>
    <t>一般利用者に対しては、市役所周辺の駐車場を案内している。</t>
    <rPh sb="0" eb="2">
      <t>イッパン</t>
    </rPh>
    <rPh sb="2" eb="5">
      <t>リヨウシャ</t>
    </rPh>
    <rPh sb="6" eb="7">
      <t>タイ</t>
    </rPh>
    <rPh sb="11" eb="14">
      <t>シヤクショ</t>
    </rPh>
    <rPh sb="14" eb="16">
      <t>シュウヘン</t>
    </rPh>
    <rPh sb="17" eb="20">
      <t>チュウシャジョウ</t>
    </rPh>
    <rPh sb="21" eb="23">
      <t>アンナイ</t>
    </rPh>
    <phoneticPr fontId="3"/>
  </si>
  <si>
    <t>相模原市立老人福祉センター渓松園</t>
    <rPh sb="0" eb="5">
      <t>サガミハラシリツ</t>
    </rPh>
    <rPh sb="5" eb="7">
      <t>ロウジン</t>
    </rPh>
    <rPh sb="7" eb="9">
      <t>フクシ</t>
    </rPh>
    <rPh sb="13" eb="14">
      <t>ケイ</t>
    </rPh>
    <rPh sb="14" eb="16">
      <t>ショウエン</t>
    </rPh>
    <phoneticPr fontId="3"/>
  </si>
  <si>
    <t>相模原市立老人福祉センター若竹園</t>
    <rPh sb="0" eb="5">
      <t>サガミハラシリツ</t>
    </rPh>
    <rPh sb="5" eb="7">
      <t>ロウジン</t>
    </rPh>
    <rPh sb="7" eb="9">
      <t>フクシ</t>
    </rPh>
    <rPh sb="13" eb="15">
      <t>ワカタケ</t>
    </rPh>
    <rPh sb="15" eb="16">
      <t>エン</t>
    </rPh>
    <phoneticPr fontId="3"/>
  </si>
  <si>
    <t>れんげの里あらいそ
（相模原市立新磯ふれあいセンター・相模原市立相模の大凧センター・相模原市立新磯こどもセンター）</t>
    <rPh sb="4" eb="5">
      <t>サト</t>
    </rPh>
    <rPh sb="11" eb="16">
      <t>サガミハラシリツ</t>
    </rPh>
    <rPh sb="16" eb="18">
      <t>アライソ</t>
    </rPh>
    <rPh sb="27" eb="32">
      <t>サガミハラシリツ</t>
    </rPh>
    <rPh sb="32" eb="34">
      <t>サガミ</t>
    </rPh>
    <rPh sb="35" eb="37">
      <t>オオダコ</t>
    </rPh>
    <rPh sb="42" eb="47">
      <t>サガミハラシリツ</t>
    </rPh>
    <rPh sb="47" eb="49">
      <t>アライソ</t>
    </rPh>
    <phoneticPr fontId="3"/>
  </si>
  <si>
    <t>相模原市立東林ふれあいセンター</t>
    <rPh sb="0" eb="5">
      <t>サガミハラシリツ</t>
    </rPh>
    <rPh sb="5" eb="7">
      <t>トウリン</t>
    </rPh>
    <phoneticPr fontId="3"/>
  </si>
  <si>
    <t>高齢者能力活用施設
（シルバー人材センター中央事務所）</t>
    <rPh sb="0" eb="3">
      <t>コウレイシャ</t>
    </rPh>
    <rPh sb="3" eb="5">
      <t>ノウリョク</t>
    </rPh>
    <rPh sb="5" eb="7">
      <t>カツヨウ</t>
    </rPh>
    <rPh sb="7" eb="9">
      <t>シセツ</t>
    </rPh>
    <rPh sb="15" eb="17">
      <t>ジンザイ</t>
    </rPh>
    <rPh sb="21" eb="23">
      <t>チュウオウ</t>
    </rPh>
    <rPh sb="23" eb="25">
      <t>ジム</t>
    </rPh>
    <rPh sb="25" eb="26">
      <t>ショ</t>
    </rPh>
    <phoneticPr fontId="3"/>
  </si>
  <si>
    <t>相模原市立津久井障害者地域活動支援センター</t>
    <rPh sb="0" eb="4">
      <t>サガミハラシ</t>
    </rPh>
    <rPh sb="4" eb="5">
      <t>リツ</t>
    </rPh>
    <rPh sb="5" eb="17">
      <t>ツクイショウガイシャチイキカツドウシエン</t>
    </rPh>
    <phoneticPr fontId="3"/>
  </si>
  <si>
    <t>相模原市緑区中野</t>
    <rPh sb="0" eb="4">
      <t>サガミハラシ</t>
    </rPh>
    <rPh sb="4" eb="6">
      <t>ミドリク</t>
    </rPh>
    <rPh sb="6" eb="8">
      <t>ナカノ</t>
    </rPh>
    <phoneticPr fontId="3"/>
  </si>
  <si>
    <t>相模原市立南障害者地域活動支援センター</t>
    <rPh sb="0" eb="4">
      <t>サガミハラシ</t>
    </rPh>
    <rPh sb="4" eb="5">
      <t>リツ</t>
    </rPh>
    <rPh sb="5" eb="19">
      <t>ミナミチカツ</t>
    </rPh>
    <phoneticPr fontId="3"/>
  </si>
  <si>
    <t>田名まちづくりセンター
田名公民館</t>
    <rPh sb="0" eb="2">
      <t>タナ</t>
    </rPh>
    <rPh sb="12" eb="14">
      <t>タナ</t>
    </rPh>
    <rPh sb="14" eb="17">
      <t>コウミンカン</t>
    </rPh>
    <phoneticPr fontId="3"/>
  </si>
  <si>
    <t>相模原市中央区田名４８３４</t>
    <rPh sb="0" eb="4">
      <t>サガミハラシ</t>
    </rPh>
    <rPh sb="4" eb="7">
      <t>チュウオウク</t>
    </rPh>
    <rPh sb="7" eb="9">
      <t>タナ</t>
    </rPh>
    <phoneticPr fontId="3"/>
  </si>
  <si>
    <t>津久井クリーンセンター</t>
    <rPh sb="0" eb="3">
      <t>ツクイ</t>
    </rPh>
    <phoneticPr fontId="3"/>
  </si>
  <si>
    <t>上大島キャンプ場</t>
    <rPh sb="0" eb="3">
      <t>カミオオシマ</t>
    </rPh>
    <rPh sb="7" eb="8">
      <t>ジョウ</t>
    </rPh>
    <phoneticPr fontId="3"/>
  </si>
  <si>
    <t>相模原市緑区大島３６５７付近</t>
    <rPh sb="0" eb="4">
      <t>サガミハラシ</t>
    </rPh>
    <rPh sb="4" eb="6">
      <t>ミドリク</t>
    </rPh>
    <rPh sb="6" eb="8">
      <t>オオシマ</t>
    </rPh>
    <rPh sb="12" eb="14">
      <t>フキン</t>
    </rPh>
    <phoneticPr fontId="3"/>
  </si>
  <si>
    <t>望地弁天キャンプ場</t>
  </si>
  <si>
    <t>相模原市中央区田名５８３５付近</t>
  </si>
  <si>
    <t>相模原市立相模川自然の村</t>
    <rPh sb="0" eb="5">
      <t>サガミハラシリツ</t>
    </rPh>
    <rPh sb="5" eb="10">
      <t>サガミガワシゼン</t>
    </rPh>
    <rPh sb="11" eb="12">
      <t>ムラ</t>
    </rPh>
    <phoneticPr fontId="3"/>
  </si>
  <si>
    <t>橋本台リサイクルスクエア</t>
    <rPh sb="0" eb="2">
      <t>ハシモト</t>
    </rPh>
    <rPh sb="2" eb="3">
      <t>ダイ</t>
    </rPh>
    <phoneticPr fontId="3"/>
  </si>
  <si>
    <t>麻溝台リサイクルスクエア</t>
    <rPh sb="0" eb="3">
      <t>アサミゾダイ</t>
    </rPh>
    <phoneticPr fontId="3"/>
  </si>
  <si>
    <t>大沢まちづくりセンター
大沢公民館</t>
    <rPh sb="0" eb="2">
      <t>オオサワ</t>
    </rPh>
    <rPh sb="12" eb="14">
      <t>オオサワ</t>
    </rPh>
    <rPh sb="14" eb="17">
      <t>コウミンカン</t>
    </rPh>
    <phoneticPr fontId="3"/>
  </si>
  <si>
    <t>横山公園</t>
    <rPh sb="0" eb="2">
      <t>ヨコヤマ</t>
    </rPh>
    <rPh sb="2" eb="4">
      <t>コウエン</t>
    </rPh>
    <phoneticPr fontId="3"/>
  </si>
  <si>
    <t>相模原スポーツ・レクリエーションパーク</t>
  </si>
  <si>
    <t>相模原市中央区小山２６９６</t>
  </si>
  <si>
    <t>小山公園</t>
    <rPh sb="0" eb="2">
      <t>オヤマ</t>
    </rPh>
    <rPh sb="2" eb="4">
      <t>コウエン</t>
    </rPh>
    <phoneticPr fontId="3"/>
  </si>
  <si>
    <t>相模原北公園</t>
    <rPh sb="0" eb="3">
      <t>サガミハラ</t>
    </rPh>
    <rPh sb="3" eb="4">
      <t>キタ</t>
    </rPh>
    <rPh sb="4" eb="6">
      <t>コウエン</t>
    </rPh>
    <phoneticPr fontId="3"/>
  </si>
  <si>
    <t>相模原麻溝公園</t>
    <rPh sb="0" eb="3">
      <t>サガミハラ</t>
    </rPh>
    <rPh sb="3" eb="5">
      <t>アサミゾ</t>
    </rPh>
    <rPh sb="5" eb="7">
      <t>コウエン</t>
    </rPh>
    <phoneticPr fontId="3"/>
  </si>
  <si>
    <t>淵野辺公園</t>
    <rPh sb="0" eb="3">
      <t>フチノベ</t>
    </rPh>
    <rPh sb="3" eb="5">
      <t>コウエン</t>
    </rPh>
    <phoneticPr fontId="3"/>
  </si>
  <si>
    <t>古淵鵜野森公園</t>
    <rPh sb="0" eb="2">
      <t>コブチ</t>
    </rPh>
    <rPh sb="2" eb="5">
      <t>ウノモリ</t>
    </rPh>
    <rPh sb="5" eb="7">
      <t>コウエン</t>
    </rPh>
    <phoneticPr fontId="3"/>
  </si>
  <si>
    <t>鹿沼公園</t>
    <rPh sb="0" eb="2">
      <t>カヌマ</t>
    </rPh>
    <rPh sb="2" eb="4">
      <t>コウエン</t>
    </rPh>
    <phoneticPr fontId="3"/>
  </si>
  <si>
    <t>峰山霊園</t>
    <rPh sb="0" eb="2">
      <t>ミネヤマ</t>
    </rPh>
    <rPh sb="2" eb="4">
      <t>レイエン</t>
    </rPh>
    <phoneticPr fontId="3"/>
  </si>
  <si>
    <t>相模川自然の村公園</t>
    <rPh sb="0" eb="2">
      <t>サガミ</t>
    </rPh>
    <rPh sb="2" eb="3">
      <t>ガワ</t>
    </rPh>
    <rPh sb="3" eb="5">
      <t>シゼン</t>
    </rPh>
    <rPh sb="6" eb="7">
      <t>ムラ</t>
    </rPh>
    <rPh sb="7" eb="9">
      <t>コウエン</t>
    </rPh>
    <phoneticPr fontId="3"/>
  </si>
  <si>
    <t>史跡田名向原遺跡公園</t>
  </si>
  <si>
    <t>しおだテクノパイル公園</t>
    <phoneticPr fontId="3"/>
  </si>
  <si>
    <t>相模原市立相模川ふれあい科学館</t>
    <rPh sb="0" eb="4">
      <t>サガミハラシ</t>
    </rPh>
    <rPh sb="4" eb="5">
      <t>リツ</t>
    </rPh>
    <rPh sb="5" eb="7">
      <t>サガミ</t>
    </rPh>
    <rPh sb="7" eb="8">
      <t>ガワ</t>
    </rPh>
    <rPh sb="12" eb="15">
      <t>カガクカン</t>
    </rPh>
    <phoneticPr fontId="3"/>
  </si>
  <si>
    <t>ふるさと自然体験教室</t>
    <rPh sb="4" eb="10">
      <t>シゼンタイケンキョウシツ</t>
    </rPh>
    <phoneticPr fontId="3"/>
  </si>
  <si>
    <t>施設敷地内の駐車区画は３台のみ</t>
    <rPh sb="0" eb="2">
      <t>シセツ</t>
    </rPh>
    <rPh sb="2" eb="4">
      <t>シキチ</t>
    </rPh>
    <rPh sb="4" eb="5">
      <t>ナイ</t>
    </rPh>
    <rPh sb="6" eb="8">
      <t>チュウシャ</t>
    </rPh>
    <rPh sb="8" eb="10">
      <t>クカク</t>
    </rPh>
    <rPh sb="12" eb="13">
      <t>ダイ</t>
    </rPh>
    <phoneticPr fontId="3"/>
  </si>
  <si>
    <t>国民健康保険青根診療所</t>
    <rPh sb="0" eb="2">
      <t>コクミン</t>
    </rPh>
    <rPh sb="2" eb="4">
      <t>ケンコウ</t>
    </rPh>
    <rPh sb="4" eb="6">
      <t>ホケン</t>
    </rPh>
    <rPh sb="6" eb="8">
      <t>アオネ</t>
    </rPh>
    <rPh sb="8" eb="11">
      <t>シンリョウジョ</t>
    </rPh>
    <phoneticPr fontId="3"/>
  </si>
  <si>
    <t>国民健康保険内郷診療所</t>
    <rPh sb="0" eb="2">
      <t>コクミン</t>
    </rPh>
    <rPh sb="2" eb="4">
      <t>ケンコウ</t>
    </rPh>
    <rPh sb="4" eb="6">
      <t>ホケン</t>
    </rPh>
    <rPh sb="6" eb="8">
      <t>ウチゴウ</t>
    </rPh>
    <rPh sb="8" eb="11">
      <t>シンリョウジョ</t>
    </rPh>
    <phoneticPr fontId="3"/>
  </si>
  <si>
    <t>相模原西メディカルセンター急病診療所</t>
    <rPh sb="0" eb="3">
      <t>サガミハラ</t>
    </rPh>
    <rPh sb="3" eb="4">
      <t>ニシ</t>
    </rPh>
    <rPh sb="13" eb="15">
      <t>キュウビョウ</t>
    </rPh>
    <rPh sb="15" eb="17">
      <t>シンリョウ</t>
    </rPh>
    <rPh sb="17" eb="18">
      <t>ジョ</t>
    </rPh>
    <phoneticPr fontId="3"/>
  </si>
  <si>
    <t>田名保育園</t>
  </si>
  <si>
    <t>相模原保育園</t>
  </si>
  <si>
    <t>東林保育園</t>
  </si>
  <si>
    <t>相武台保育園</t>
  </si>
  <si>
    <t>相模湖こども園</t>
    <rPh sb="0" eb="2">
      <t>サガミ</t>
    </rPh>
    <rPh sb="2" eb="3">
      <t>コ</t>
    </rPh>
    <rPh sb="6" eb="7">
      <t>エン</t>
    </rPh>
    <phoneticPr fontId="2"/>
  </si>
  <si>
    <t>ふじのこども園</t>
    <rPh sb="6" eb="7">
      <t>エン</t>
    </rPh>
    <phoneticPr fontId="2"/>
  </si>
  <si>
    <t>市民健康文化センター</t>
    <rPh sb="0" eb="6">
      <t>シミンケンコウブンカ</t>
    </rPh>
    <phoneticPr fontId="3"/>
  </si>
  <si>
    <t>建物入口前</t>
    <rPh sb="0" eb="2">
      <t>タテモノ</t>
    </rPh>
    <rPh sb="2" eb="3">
      <t>イ</t>
    </rPh>
    <rPh sb="3" eb="4">
      <t>グチ</t>
    </rPh>
    <rPh sb="4" eb="5">
      <t>マエ</t>
    </rPh>
    <phoneticPr fontId="3"/>
  </si>
  <si>
    <t>LCA国際小学校北の丘センター（北市民健康文化センター）</t>
    <rPh sb="3" eb="9">
      <t>コクサイショウガッコウキタ</t>
    </rPh>
    <rPh sb="10" eb="11">
      <t>オカ</t>
    </rPh>
    <rPh sb="16" eb="23">
      <t>キタシミンケンコウブンカ</t>
    </rPh>
    <phoneticPr fontId="3"/>
  </si>
  <si>
    <t>地下駐車場</t>
    <rPh sb="0" eb="2">
      <t>チカ</t>
    </rPh>
    <rPh sb="2" eb="5">
      <t>チュウシャジョウ</t>
    </rPh>
    <phoneticPr fontId="3"/>
  </si>
  <si>
    <t>風と花の観光休憩所あらいそ</t>
    <rPh sb="0" eb="1">
      <t>カゼ</t>
    </rPh>
    <rPh sb="2" eb="3">
      <t>ハナ</t>
    </rPh>
    <rPh sb="4" eb="9">
      <t>カンコウキュウケイジョ</t>
    </rPh>
    <phoneticPr fontId="3"/>
  </si>
  <si>
    <t>北部粗大ごみ受入施設</t>
    <rPh sb="0" eb="2">
      <t>ホクブ</t>
    </rPh>
    <rPh sb="2" eb="4">
      <t>ソダイ</t>
    </rPh>
    <rPh sb="6" eb="10">
      <t>ウケイレシセツ</t>
    </rPh>
    <phoneticPr fontId="3"/>
  </si>
  <si>
    <t>麻溝台環境事業所</t>
    <rPh sb="0" eb="3">
      <t>アサミゾダイ</t>
    </rPh>
    <rPh sb="3" eb="5">
      <t>カンキョウ</t>
    </rPh>
    <rPh sb="5" eb="8">
      <t>ジギョウショ</t>
    </rPh>
    <phoneticPr fontId="3"/>
  </si>
  <si>
    <t>相原公民館</t>
    <rPh sb="0" eb="2">
      <t>アイハラ</t>
    </rPh>
    <rPh sb="2" eb="5">
      <t>コウミンカン</t>
    </rPh>
    <phoneticPr fontId="3"/>
  </si>
  <si>
    <t>小山公民館</t>
    <rPh sb="0" eb="2">
      <t>オヤマ</t>
    </rPh>
    <rPh sb="2" eb="5">
      <t>コウミンカン</t>
    </rPh>
    <phoneticPr fontId="3"/>
  </si>
  <si>
    <t>星が丘公民館</t>
    <rPh sb="0" eb="1">
      <t>ホシ</t>
    </rPh>
    <rPh sb="2" eb="3">
      <t>オカ</t>
    </rPh>
    <rPh sb="3" eb="6">
      <t>コウミンカン</t>
    </rPh>
    <phoneticPr fontId="3"/>
  </si>
  <si>
    <t>清新公民館</t>
    <rPh sb="0" eb="2">
      <t>セイシン</t>
    </rPh>
    <rPh sb="2" eb="5">
      <t>コウミンカン</t>
    </rPh>
    <phoneticPr fontId="3"/>
  </si>
  <si>
    <t>横山公民館</t>
    <rPh sb="0" eb="2">
      <t>ヨコヤマ</t>
    </rPh>
    <rPh sb="2" eb="5">
      <t>コウミンカン</t>
    </rPh>
    <phoneticPr fontId="3"/>
  </si>
  <si>
    <t>光が丘公民館</t>
    <rPh sb="0" eb="1">
      <t>ヒカリ</t>
    </rPh>
    <rPh sb="2" eb="3">
      <t>オカ</t>
    </rPh>
    <rPh sb="3" eb="6">
      <t>コウミンカン</t>
    </rPh>
    <phoneticPr fontId="3"/>
  </si>
  <si>
    <t>上鶴間公民館</t>
    <rPh sb="0" eb="3">
      <t>カミツルマ</t>
    </rPh>
    <rPh sb="3" eb="6">
      <t>コウミンカン</t>
    </rPh>
    <phoneticPr fontId="3"/>
  </si>
  <si>
    <t>相模湖公民館</t>
    <rPh sb="0" eb="2">
      <t>サガミ</t>
    </rPh>
    <rPh sb="2" eb="3">
      <t>コ</t>
    </rPh>
    <rPh sb="3" eb="6">
      <t>コウミンカン</t>
    </rPh>
    <phoneticPr fontId="3"/>
  </si>
  <si>
    <t>藤野中央公民館</t>
    <rPh sb="0" eb="2">
      <t>フジノ</t>
    </rPh>
    <rPh sb="2" eb="4">
      <t>チュウオウ</t>
    </rPh>
    <rPh sb="4" eb="7">
      <t>コウミンカン</t>
    </rPh>
    <phoneticPr fontId="3"/>
  </si>
  <si>
    <t>青根緑の休暇村いやしの湯</t>
    <rPh sb="0" eb="3">
      <t>アオネミドリ</t>
    </rPh>
    <rPh sb="4" eb="6">
      <t>キュウカ</t>
    </rPh>
    <rPh sb="6" eb="7">
      <t>ムラ</t>
    </rPh>
    <rPh sb="11" eb="12">
      <t>ユ</t>
    </rPh>
    <phoneticPr fontId="3"/>
  </si>
  <si>
    <t>藤野やまなみ温泉</t>
    <rPh sb="0" eb="2">
      <t>フジノ</t>
    </rPh>
    <rPh sb="6" eb="8">
      <t>オンセン</t>
    </rPh>
    <phoneticPr fontId="3"/>
  </si>
  <si>
    <t>相模湖ふれあいパーク</t>
    <rPh sb="0" eb="3">
      <t>サガミコ</t>
    </rPh>
    <phoneticPr fontId="3"/>
  </si>
  <si>
    <t>緑区合同庁舎</t>
    <rPh sb="0" eb="6">
      <t>ミドリクゴウドウチョウシャ</t>
    </rPh>
    <phoneticPr fontId="3"/>
  </si>
  <si>
    <t>緑区合同庁舎第２駐車場</t>
    <rPh sb="0" eb="6">
      <t>ミドリクゴウドウチョウシャ</t>
    </rPh>
    <rPh sb="6" eb="7">
      <t>ダイ</t>
    </rPh>
    <rPh sb="8" eb="11">
      <t>チュウシャジョウ</t>
    </rPh>
    <phoneticPr fontId="3"/>
  </si>
  <si>
    <t>相模原消防署田名分署</t>
    <rPh sb="0" eb="3">
      <t>サガミハラ</t>
    </rPh>
    <rPh sb="3" eb="6">
      <t>ショウボウショ</t>
    </rPh>
    <rPh sb="6" eb="8">
      <t>タナ</t>
    </rPh>
    <rPh sb="8" eb="10">
      <t>ブンショ</t>
    </rPh>
    <phoneticPr fontId="3"/>
  </si>
  <si>
    <t>南消防署本署</t>
    <rPh sb="0" eb="1">
      <t>ミナミ</t>
    </rPh>
    <rPh sb="1" eb="3">
      <t>ショウボウ</t>
    </rPh>
    <rPh sb="3" eb="4">
      <t>ショ</t>
    </rPh>
    <rPh sb="4" eb="5">
      <t>ホン</t>
    </rPh>
    <rPh sb="5" eb="6">
      <t>ショ</t>
    </rPh>
    <phoneticPr fontId="3"/>
  </si>
  <si>
    <t>車椅子使用者用駐車区画はあるが、幅350ｃｍ未満</t>
  </si>
  <si>
    <t>南消防署新磯分署</t>
    <rPh sb="0" eb="1">
      <t>ミナミ</t>
    </rPh>
    <rPh sb="1" eb="3">
      <t>ショウボウ</t>
    </rPh>
    <rPh sb="3" eb="4">
      <t>ショ</t>
    </rPh>
    <rPh sb="4" eb="6">
      <t>アライソ</t>
    </rPh>
    <rPh sb="6" eb="8">
      <t>ブンショ</t>
    </rPh>
    <phoneticPr fontId="3"/>
  </si>
  <si>
    <t>北消防署本署</t>
    <rPh sb="0" eb="1">
      <t>キタ</t>
    </rPh>
    <rPh sb="1" eb="4">
      <t>ショウボウショ</t>
    </rPh>
    <rPh sb="4" eb="5">
      <t>ホン</t>
    </rPh>
    <rPh sb="5" eb="6">
      <t>ショ</t>
    </rPh>
    <phoneticPr fontId="3"/>
  </si>
  <si>
    <t>ゼブラゾーン含み3.5ｍ</t>
  </si>
  <si>
    <t>津久井消防署本署</t>
    <rPh sb="0" eb="3">
      <t>ツクイ</t>
    </rPh>
    <rPh sb="3" eb="6">
      <t>ショウボウショ</t>
    </rPh>
    <rPh sb="6" eb="7">
      <t>ホン</t>
    </rPh>
    <rPh sb="7" eb="8">
      <t>ショ</t>
    </rPh>
    <phoneticPr fontId="3"/>
  </si>
  <si>
    <t>国体記念鳥屋グラウンド</t>
    <rPh sb="0" eb="2">
      <t>コクタイ</t>
    </rPh>
    <rPh sb="2" eb="4">
      <t>キネン</t>
    </rPh>
    <rPh sb="4" eb="6">
      <t>トヤ</t>
    </rPh>
    <phoneticPr fontId="3"/>
  </si>
  <si>
    <t>相模原ギオンスタジアム
相模原ギオンフィールド
相模原ギオンスポーツスクエア</t>
    <rPh sb="0" eb="3">
      <t>サガミハラ</t>
    </rPh>
    <phoneticPr fontId="3"/>
  </si>
  <si>
    <t>さがみはらグリーンプール</t>
  </si>
  <si>
    <t>相模原市中央区横山５－１１－１</t>
    <rPh sb="0" eb="4">
      <t>サガミハラシ</t>
    </rPh>
    <rPh sb="4" eb="7">
      <t>チュウオウク</t>
    </rPh>
    <rPh sb="7" eb="9">
      <t>ヨコヤマ</t>
    </rPh>
    <phoneticPr fontId="3"/>
  </si>
  <si>
    <t>相模原ギオンアリーナ</t>
    <rPh sb="0" eb="3">
      <t>サガミハラ</t>
    </rPh>
    <phoneticPr fontId="3"/>
  </si>
  <si>
    <t>ほねごりアリーナ</t>
  </si>
  <si>
    <t>小倉テニスコート
小倉プール</t>
    <rPh sb="0" eb="2">
      <t>オグラ</t>
    </rPh>
    <rPh sb="9" eb="11">
      <t>オグラ</t>
    </rPh>
    <phoneticPr fontId="3"/>
  </si>
  <si>
    <t>相模原市役所第１駐車場</t>
    <phoneticPr fontId="3"/>
  </si>
  <si>
    <t>相模原市役所第２駐車場</t>
  </si>
  <si>
    <t>相模原市役所第３駐車場</t>
  </si>
  <si>
    <t>ウェルネスさがみはら駐車場</t>
  </si>
  <si>
    <t>津久井総合事務所</t>
    <rPh sb="0" eb="3">
      <t>ツクイ</t>
    </rPh>
    <rPh sb="3" eb="5">
      <t>ソウゴウ</t>
    </rPh>
    <rPh sb="5" eb="7">
      <t>ジム</t>
    </rPh>
    <rPh sb="7" eb="8">
      <t>ショ</t>
    </rPh>
    <phoneticPr fontId="3"/>
  </si>
  <si>
    <t>※当該駐車場は、「津久井保健センター」及び「津久井中央公民館」と共用。</t>
    <rPh sb="1" eb="3">
      <t>トウガイ</t>
    </rPh>
    <rPh sb="3" eb="6">
      <t>チュウシャジョウ</t>
    </rPh>
    <rPh sb="9" eb="12">
      <t>ツクイ</t>
    </rPh>
    <rPh sb="12" eb="14">
      <t>ホケン</t>
    </rPh>
    <rPh sb="19" eb="20">
      <t>オヨ</t>
    </rPh>
    <rPh sb="22" eb="25">
      <t>ツクイ</t>
    </rPh>
    <rPh sb="25" eb="27">
      <t>チュウオウ</t>
    </rPh>
    <rPh sb="27" eb="30">
      <t>コウミンカン</t>
    </rPh>
    <rPh sb="32" eb="34">
      <t>キョウヨウ</t>
    </rPh>
    <phoneticPr fontId="3"/>
  </si>
  <si>
    <t>串川出張所・串川地域センター</t>
    <rPh sb="0" eb="2">
      <t>クシカワ</t>
    </rPh>
    <rPh sb="2" eb="4">
      <t>シュッチョウ</t>
    </rPh>
    <rPh sb="4" eb="5">
      <t>ショ</t>
    </rPh>
    <rPh sb="6" eb="8">
      <t>クシカワ</t>
    </rPh>
    <rPh sb="8" eb="10">
      <t>チイキ</t>
    </rPh>
    <phoneticPr fontId="3"/>
  </si>
  <si>
    <t>鳥屋出張所・鳥屋地域センター</t>
    <rPh sb="0" eb="2">
      <t>トヤ</t>
    </rPh>
    <rPh sb="2" eb="4">
      <t>シュッチョウ</t>
    </rPh>
    <rPh sb="4" eb="5">
      <t>ショ</t>
    </rPh>
    <rPh sb="6" eb="8">
      <t>トヤ</t>
    </rPh>
    <rPh sb="8" eb="10">
      <t>チイキ</t>
    </rPh>
    <phoneticPr fontId="3"/>
  </si>
  <si>
    <t>※当該駐車場は「鳥屋地域センター」と共用。</t>
    <rPh sb="1" eb="3">
      <t>トウガイ</t>
    </rPh>
    <rPh sb="3" eb="6">
      <t>チュウシャジョウ</t>
    </rPh>
    <rPh sb="8" eb="10">
      <t>トヤ</t>
    </rPh>
    <rPh sb="10" eb="12">
      <t>チイキ</t>
    </rPh>
    <rPh sb="18" eb="20">
      <t>キョウヨウ</t>
    </rPh>
    <phoneticPr fontId="3"/>
  </si>
  <si>
    <t>青野原出張所</t>
    <rPh sb="0" eb="3">
      <t>アオノハラ</t>
    </rPh>
    <rPh sb="3" eb="5">
      <t>シュッチョウ</t>
    </rPh>
    <rPh sb="5" eb="6">
      <t>ショ</t>
    </rPh>
    <phoneticPr fontId="3"/>
  </si>
  <si>
    <t>※当該駐車場は「相模原市立青和学園」と共用。</t>
    <rPh sb="1" eb="3">
      <t>トウガイ</t>
    </rPh>
    <rPh sb="3" eb="6">
      <t>チュウシャジョウ</t>
    </rPh>
    <rPh sb="8" eb="13">
      <t>サガミハラシリツ</t>
    </rPh>
    <rPh sb="13" eb="14">
      <t>アオ</t>
    </rPh>
    <rPh sb="14" eb="15">
      <t>ワ</t>
    </rPh>
    <rPh sb="15" eb="17">
      <t>ガクエン</t>
    </rPh>
    <rPh sb="19" eb="21">
      <t>キョウヨウ</t>
    </rPh>
    <phoneticPr fontId="3"/>
  </si>
  <si>
    <t>青根出張所</t>
    <rPh sb="0" eb="2">
      <t>アオネ</t>
    </rPh>
    <rPh sb="2" eb="4">
      <t>シュッチョウ</t>
    </rPh>
    <rPh sb="4" eb="5">
      <t>ショ</t>
    </rPh>
    <phoneticPr fontId="3"/>
  </si>
  <si>
    <t>※当該駐車場は「青根公民館」と共用。</t>
    <rPh sb="1" eb="3">
      <t>トウガイ</t>
    </rPh>
    <rPh sb="3" eb="6">
      <t>チュウシャジョウ</t>
    </rPh>
    <rPh sb="8" eb="10">
      <t>アオネ</t>
    </rPh>
    <rPh sb="10" eb="13">
      <t>コウミンカン</t>
    </rPh>
    <rPh sb="15" eb="17">
      <t>キョウヨウ</t>
    </rPh>
    <phoneticPr fontId="3"/>
  </si>
  <si>
    <t>西青山地域センター</t>
    <rPh sb="0" eb="1">
      <t>ニシ</t>
    </rPh>
    <rPh sb="1" eb="3">
      <t>アオヤマ</t>
    </rPh>
    <rPh sb="3" eb="5">
      <t>チイキ</t>
    </rPh>
    <phoneticPr fontId="3"/>
  </si>
  <si>
    <t>串川ひがし地域センター</t>
    <rPh sb="0" eb="2">
      <t>クシカワ</t>
    </rPh>
    <rPh sb="5" eb="7">
      <t>チイキ</t>
    </rPh>
    <phoneticPr fontId="3"/>
  </si>
  <si>
    <t>津久井中央連絡所・津久井中央地域センター</t>
    <rPh sb="0" eb="3">
      <t>ツクイ</t>
    </rPh>
    <rPh sb="3" eb="5">
      <t>チュウオウ</t>
    </rPh>
    <rPh sb="5" eb="7">
      <t>レンラク</t>
    </rPh>
    <rPh sb="7" eb="8">
      <t>ショ</t>
    </rPh>
    <rPh sb="9" eb="12">
      <t>ツクイ</t>
    </rPh>
    <rPh sb="12" eb="14">
      <t>チュウオウ</t>
    </rPh>
    <rPh sb="14" eb="16">
      <t>チイキ</t>
    </rPh>
    <phoneticPr fontId="3"/>
  </si>
  <si>
    <t>※当該駐車場は「津久井生涯学習センター」と共用。</t>
    <rPh sb="1" eb="3">
      <t>トウガイ</t>
    </rPh>
    <rPh sb="3" eb="6">
      <t>チュウシャジョウ</t>
    </rPh>
    <rPh sb="8" eb="15">
      <t>ツクイショウガイガクシュウ</t>
    </rPh>
    <rPh sb="21" eb="23">
      <t>キョウヨウ</t>
    </rPh>
    <phoneticPr fontId="3"/>
  </si>
  <si>
    <t>南区合同庁舎</t>
    <rPh sb="0" eb="6">
      <t>ミナミクゴウドウチョウシャ</t>
    </rPh>
    <phoneticPr fontId="3"/>
  </si>
  <si>
    <t>大野中まちづくりセンター・大野中公民館</t>
    <rPh sb="0" eb="3">
      <t>オオノナカ</t>
    </rPh>
    <rPh sb="13" eb="16">
      <t>オオノナカ</t>
    </rPh>
    <rPh sb="16" eb="19">
      <t>コウミンカン</t>
    </rPh>
    <phoneticPr fontId="3"/>
  </si>
  <si>
    <t>麻溝公民館・麻溝まちづくりセンター</t>
    <rPh sb="0" eb="5">
      <t>アサミゾコウミンカン</t>
    </rPh>
    <rPh sb="6" eb="8">
      <t>アサミゾ</t>
    </rPh>
    <phoneticPr fontId="3"/>
  </si>
  <si>
    <t>新磯まちづくりセンター・新磯公民科</t>
    <rPh sb="0" eb="2">
      <t>アライソ</t>
    </rPh>
    <rPh sb="12" eb="14">
      <t>アライソ</t>
    </rPh>
    <rPh sb="14" eb="17">
      <t>コウミンカ</t>
    </rPh>
    <phoneticPr fontId="3"/>
  </si>
  <si>
    <t>相模台まちづくりセンター・相模台公民館</t>
    <rPh sb="0" eb="3">
      <t>サガミダイ</t>
    </rPh>
    <rPh sb="13" eb="16">
      <t>サガミダイ</t>
    </rPh>
    <rPh sb="16" eb="19">
      <t>コウミンカン</t>
    </rPh>
    <phoneticPr fontId="3"/>
  </si>
  <si>
    <t>相武台まちづくりセンター・相武台公民館</t>
    <rPh sb="0" eb="3">
      <t>ソウブダイ</t>
    </rPh>
    <rPh sb="13" eb="16">
      <t>ソウブダイ</t>
    </rPh>
    <rPh sb="16" eb="19">
      <t>コウミンカン</t>
    </rPh>
    <phoneticPr fontId="3"/>
  </si>
  <si>
    <t>東林まちづくりセンター</t>
    <rPh sb="0" eb="2">
      <t>トウリン</t>
    </rPh>
    <phoneticPr fontId="3"/>
  </si>
  <si>
    <t>青少年学習センター</t>
    <rPh sb="0" eb="3">
      <t>セイショウネン</t>
    </rPh>
    <rPh sb="3" eb="5">
      <t>ガクシュウ</t>
    </rPh>
    <phoneticPr fontId="3"/>
  </si>
  <si>
    <t>城山文化ホール</t>
    <rPh sb="0" eb="2">
      <t>シロヤマ</t>
    </rPh>
    <rPh sb="2" eb="4">
      <t>ブンカ</t>
    </rPh>
    <phoneticPr fontId="3"/>
  </si>
  <si>
    <t>大野北まちづくりセンター</t>
    <rPh sb="0" eb="2">
      <t>オオノ</t>
    </rPh>
    <rPh sb="2" eb="3">
      <t>キタ</t>
    </rPh>
    <phoneticPr fontId="3"/>
  </si>
  <si>
    <t>さがみ湖リフレッシュセンター</t>
  </si>
  <si>
    <t>清川村</t>
    <rPh sb="0" eb="3">
      <t>キヨカワムラ</t>
    </rPh>
    <phoneticPr fontId="3"/>
  </si>
  <si>
    <t>清川村役場（せせらぎ館、やまびこ館）</t>
    <rPh sb="0" eb="3">
      <t>キヨカワムラ</t>
    </rPh>
    <rPh sb="3" eb="5">
      <t>ヤクバ</t>
    </rPh>
    <rPh sb="10" eb="11">
      <t>カン</t>
    </rPh>
    <rPh sb="16" eb="17">
      <t>カン</t>
    </rPh>
    <phoneticPr fontId="3"/>
  </si>
  <si>
    <t>「かながわ障害者等用駐車区画利用証制度」対象区画一覧</t>
    <rPh sb="5" eb="8">
      <t>ショウガイシャ</t>
    </rPh>
    <rPh sb="8" eb="9">
      <t>トウ</t>
    </rPh>
    <rPh sb="9" eb="10">
      <t>ヨウ</t>
    </rPh>
    <rPh sb="10" eb="12">
      <t>チュウシャ</t>
    </rPh>
    <rPh sb="12" eb="14">
      <t>クカク</t>
    </rPh>
    <rPh sb="14" eb="16">
      <t>リヨウ</t>
    </rPh>
    <rPh sb="16" eb="17">
      <t>ショウ</t>
    </rPh>
    <rPh sb="17" eb="19">
      <t>セイド</t>
    </rPh>
    <rPh sb="20" eb="22">
      <t>タイショウ</t>
    </rPh>
    <rPh sb="22" eb="24">
      <t>クカク</t>
    </rPh>
    <rPh sb="24" eb="26">
      <t>イチラン</t>
    </rPh>
    <phoneticPr fontId="3"/>
  </si>
  <si>
    <t>横須賀市</t>
    <rPh sb="0" eb="4">
      <t>ヨコスカシ</t>
    </rPh>
    <phoneticPr fontId="3"/>
  </si>
  <si>
    <t>横須賀美術館</t>
    <rPh sb="0" eb="3">
      <t>ヨコスカ</t>
    </rPh>
    <rPh sb="3" eb="6">
      <t>ビジュツカン</t>
    </rPh>
    <phoneticPr fontId="3"/>
  </si>
  <si>
    <t>総合福祉会館</t>
    <rPh sb="0" eb="2">
      <t>ソウゴウ</t>
    </rPh>
    <rPh sb="2" eb="4">
      <t>フクシ</t>
    </rPh>
    <rPh sb="4" eb="6">
      <t>カイカン</t>
    </rPh>
    <phoneticPr fontId="3"/>
  </si>
  <si>
    <t>すくすくかん</t>
    <phoneticPr fontId="3"/>
  </si>
  <si>
    <t>横須賀市立青少年会館</t>
    <rPh sb="0" eb="5">
      <t>ヨコスカシリツ</t>
    </rPh>
    <rPh sb="5" eb="8">
      <t>セイショウネン</t>
    </rPh>
    <rPh sb="8" eb="10">
      <t>カイカン</t>
    </rPh>
    <phoneticPr fontId="3"/>
  </si>
  <si>
    <t>浦賀行政センター</t>
    <rPh sb="0" eb="4">
      <t>ウラガギョウセイ</t>
    </rPh>
    <phoneticPr fontId="3"/>
  </si>
  <si>
    <t>横須賀市浦賀５－１－２</t>
    <rPh sb="0" eb="4">
      <t>ヨコスカシ</t>
    </rPh>
    <rPh sb="4" eb="6">
      <t>ウラガ</t>
    </rPh>
    <phoneticPr fontId="3"/>
  </si>
  <si>
    <t>ウェルシティ市民プラザ</t>
    <rPh sb="6" eb="8">
      <t>シミン</t>
    </rPh>
    <phoneticPr fontId="3"/>
  </si>
  <si>
    <t>横須賀市立中央斎場</t>
    <rPh sb="0" eb="9">
      <t>ヨコスカシリツチュウオウサイジョウ</t>
    </rPh>
    <phoneticPr fontId="3"/>
  </si>
  <si>
    <t>横須賀市救急医療センター</t>
    <rPh sb="0" eb="8">
      <t>ヨコスカシキュウキュウイリョウ</t>
    </rPh>
    <phoneticPr fontId="3"/>
  </si>
  <si>
    <t>動物愛護センター</t>
    <rPh sb="0" eb="4">
      <t>ドウブツアイゴ</t>
    </rPh>
    <phoneticPr fontId="3"/>
  </si>
  <si>
    <t>広域処理センターエコミル</t>
    <rPh sb="0" eb="4">
      <t>コウイキショリ</t>
    </rPh>
    <phoneticPr fontId="3"/>
  </si>
  <si>
    <t>リサイクルプラザアイクル</t>
    <phoneticPr fontId="3"/>
  </si>
  <si>
    <t>北図書館</t>
    <rPh sb="0" eb="4">
      <t>キタトショカン</t>
    </rPh>
    <phoneticPr fontId="3"/>
  </si>
  <si>
    <t>南図書館/教育研究所</t>
    <rPh sb="0" eb="1">
      <t>ミナミ</t>
    </rPh>
    <rPh sb="1" eb="4">
      <t>トショカン</t>
    </rPh>
    <rPh sb="5" eb="7">
      <t>キョウイク</t>
    </rPh>
    <rPh sb="7" eb="10">
      <t>ケンキュウショ</t>
    </rPh>
    <phoneticPr fontId="3"/>
  </si>
  <si>
    <t>学校給食センター</t>
    <rPh sb="0" eb="4">
      <t>ガッコウキュウショク</t>
    </rPh>
    <phoneticPr fontId="3"/>
  </si>
  <si>
    <t>①車椅子使用者用駐車区画（幅350cm以上）の区画数</t>
    <rPh sb="1" eb="2">
      <t>クルマ</t>
    </rPh>
    <rPh sb="2" eb="4">
      <t>イス</t>
    </rPh>
    <rPh sb="4" eb="7">
      <t>シヨウシャ</t>
    </rPh>
    <rPh sb="7" eb="8">
      <t>ヨウ</t>
    </rPh>
    <rPh sb="19" eb="21">
      <t>イジョウ</t>
    </rPh>
    <phoneticPr fontId="3"/>
  </si>
  <si>
    <t>②優先駐車区画（幅350cm未満）の区画数</t>
    <rPh sb="1" eb="7">
      <t>ユウセンチュウシャクカク</t>
    </rPh>
    <rPh sb="8" eb="9">
      <t>ハバ</t>
    </rPh>
    <rPh sb="14" eb="16">
      <t>ミマン</t>
    </rPh>
    <rPh sb="18" eb="20">
      <t>クカク</t>
    </rPh>
    <rPh sb="20" eb="21">
      <t>スウ</t>
    </rPh>
    <phoneticPr fontId="3"/>
  </si>
  <si>
    <t>横浜市</t>
  </si>
  <si>
    <t>川崎市</t>
  </si>
  <si>
    <t>相模原市</t>
  </si>
  <si>
    <t>横須賀市</t>
  </si>
  <si>
    <t>平塚市</t>
  </si>
  <si>
    <t>鎌倉市</t>
  </si>
  <si>
    <t>藤沢市</t>
  </si>
  <si>
    <t>小田原市</t>
  </si>
  <si>
    <t>逗子市</t>
  </si>
  <si>
    <t>三浦市</t>
  </si>
  <si>
    <t>秦野市</t>
  </si>
  <si>
    <t>厚木市</t>
  </si>
  <si>
    <t>大和市</t>
  </si>
  <si>
    <t>伊勢原市</t>
  </si>
  <si>
    <t>海老名市</t>
  </si>
  <si>
    <t>座間市</t>
  </si>
  <si>
    <t>綾瀬市</t>
  </si>
  <si>
    <t>葉山町</t>
  </si>
  <si>
    <t>寒川町</t>
  </si>
  <si>
    <t>大磯町</t>
  </si>
  <si>
    <t>二宮町</t>
  </si>
  <si>
    <t>中井町</t>
  </si>
  <si>
    <t>大井町</t>
  </si>
  <si>
    <t>松田町</t>
  </si>
  <si>
    <t>山北町</t>
  </si>
  <si>
    <t>開成町</t>
  </si>
  <si>
    <t>箱根町</t>
  </si>
  <si>
    <t>愛川町</t>
  </si>
  <si>
    <t>清川村</t>
  </si>
  <si>
    <t>藤沢市鵠沼石上２－７－１</t>
    <rPh sb="0" eb="3">
      <t>フジサワシ</t>
    </rPh>
    <rPh sb="3" eb="7">
      <t>クゲヌマイシガミ</t>
    </rPh>
    <phoneticPr fontId="3"/>
  </si>
  <si>
    <t>横浜市中区日本大通５－１</t>
    <rPh sb="0" eb="3">
      <t>ヨコハマシ</t>
    </rPh>
    <rPh sb="3" eb="5">
      <t>ナカク</t>
    </rPh>
    <rPh sb="5" eb="9">
      <t>ニホンオオドオリ</t>
    </rPh>
    <phoneticPr fontId="3"/>
  </si>
  <si>
    <t>横浜市中区日本大通１</t>
    <rPh sb="0" eb="3">
      <t>ヨコハマシ</t>
    </rPh>
    <rPh sb="3" eb="5">
      <t>ナカク</t>
    </rPh>
    <rPh sb="5" eb="9">
      <t>ニホンオオドオリ</t>
    </rPh>
    <phoneticPr fontId="3"/>
  </si>
  <si>
    <t>横浜市中区元浜町１－３</t>
    <rPh sb="0" eb="3">
      <t>ヨコハマシ</t>
    </rPh>
    <rPh sb="3" eb="5">
      <t>ナカク</t>
    </rPh>
    <rPh sb="5" eb="7">
      <t>モトハマ</t>
    </rPh>
    <rPh sb="7" eb="8">
      <t>チョウ</t>
    </rPh>
    <phoneticPr fontId="3"/>
  </si>
  <si>
    <t>横浜市中区山下町３２</t>
    <rPh sb="0" eb="3">
      <t>ヨコハマシ</t>
    </rPh>
    <rPh sb="3" eb="5">
      <t>ナカク</t>
    </rPh>
    <rPh sb="5" eb="7">
      <t>ヤマシタ</t>
    </rPh>
    <rPh sb="7" eb="8">
      <t>チョウ</t>
    </rPh>
    <phoneticPr fontId="3"/>
  </si>
  <si>
    <t>横須賀市久里浜１－１８－１</t>
    <rPh sb="0" eb="4">
      <t>ヨコスカシ</t>
    </rPh>
    <rPh sb="4" eb="7">
      <t>クリハマ</t>
    </rPh>
    <phoneticPr fontId="3"/>
  </si>
  <si>
    <t>藤沢市本鵠沼４－１－８</t>
    <rPh sb="0" eb="3">
      <t>フジサワシ</t>
    </rPh>
    <rPh sb="3" eb="6">
      <t>ホンクゲヌマ</t>
    </rPh>
    <phoneticPr fontId="3"/>
  </si>
  <si>
    <t>三浦市城山町１－１　内</t>
  </si>
  <si>
    <t>三浦市城山町１－１　内</t>
    <rPh sb="0" eb="3">
      <t>ミウラシ</t>
    </rPh>
    <rPh sb="3" eb="6">
      <t>シロヤマチョウ</t>
    </rPh>
    <rPh sb="10" eb="11">
      <t>ナイ</t>
    </rPh>
    <phoneticPr fontId="3"/>
  </si>
  <si>
    <t>相模原市南区古淵３－２１－１</t>
    <rPh sb="0" eb="4">
      <t>サガミハラシ</t>
    </rPh>
    <rPh sb="4" eb="6">
      <t>ミナミク</t>
    </rPh>
    <rPh sb="6" eb="8">
      <t>コブチ</t>
    </rPh>
    <phoneticPr fontId="3"/>
  </si>
  <si>
    <t>清川村宮ヶ瀬１６７６－３</t>
  </si>
  <si>
    <t>清川村宮ケ瀬字春ノ木丸</t>
    <rPh sb="0" eb="3">
      <t>キヨカワムラ</t>
    </rPh>
    <rPh sb="3" eb="6">
      <t>ミヤガセ</t>
    </rPh>
    <rPh sb="6" eb="7">
      <t>アザ</t>
    </rPh>
    <rPh sb="7" eb="8">
      <t>ハル</t>
    </rPh>
    <rPh sb="9" eb="10">
      <t>キ</t>
    </rPh>
    <rPh sb="10" eb="11">
      <t>マル</t>
    </rPh>
    <phoneticPr fontId="3"/>
  </si>
  <si>
    <t>愛川町半原</t>
    <rPh sb="0" eb="3">
      <t>アイカワマチ</t>
    </rPh>
    <rPh sb="3" eb="5">
      <t>ハンバラ</t>
    </rPh>
    <phoneticPr fontId="3"/>
  </si>
  <si>
    <t>山北町皆瀬川７１０</t>
  </si>
  <si>
    <t>開成町吉田島２４８９−２</t>
  </si>
  <si>
    <t>山北町都夫良野ほか</t>
    <rPh sb="0" eb="3">
      <t>ヤマキタマチ</t>
    </rPh>
    <rPh sb="3" eb="4">
      <t>ミヤコ</t>
    </rPh>
    <rPh sb="4" eb="5">
      <t>オット</t>
    </rPh>
    <rPh sb="5" eb="6">
      <t>ヨ</t>
    </rPh>
    <rPh sb="6" eb="7">
      <t>ノ</t>
    </rPh>
    <phoneticPr fontId="3"/>
  </si>
  <si>
    <t>箱根町元箱根ほか</t>
    <rPh sb="0" eb="2">
      <t>ハコネ</t>
    </rPh>
    <rPh sb="2" eb="3">
      <t>マチ</t>
    </rPh>
    <rPh sb="3" eb="4">
      <t>モト</t>
    </rPh>
    <rPh sb="4" eb="6">
      <t>ハコネ</t>
    </rPh>
    <phoneticPr fontId="3"/>
  </si>
  <si>
    <t>大磯町生沢５２７</t>
  </si>
  <si>
    <t>大磯町国府本郷ほか</t>
    <rPh sb="0" eb="3">
      <t>オオイソマチ</t>
    </rPh>
    <rPh sb="3" eb="5">
      <t>コクフ</t>
    </rPh>
    <rPh sb="5" eb="7">
      <t>ホンゴウ</t>
    </rPh>
    <phoneticPr fontId="3"/>
  </si>
  <si>
    <t>二宮町一色１３６３</t>
  </si>
  <si>
    <t>葉山町下山口</t>
    <rPh sb="0" eb="3">
      <t>ハヤママチ</t>
    </rPh>
    <rPh sb="3" eb="4">
      <t>シモ</t>
    </rPh>
    <rPh sb="4" eb="6">
      <t>ヤマグチ</t>
    </rPh>
    <phoneticPr fontId="3"/>
  </si>
  <si>
    <t>平塚市大原２－１</t>
    <rPh sb="0" eb="3">
      <t>ヒラツカシ</t>
    </rPh>
    <rPh sb="3" eb="5">
      <t>オオハラ</t>
    </rPh>
    <phoneticPr fontId="3"/>
  </si>
  <si>
    <t>大井町大井中央２８４</t>
    <rPh sb="0" eb="3">
      <t>オオイマチ</t>
    </rPh>
    <rPh sb="3" eb="7">
      <t>オオイチュウオウ</t>
    </rPh>
    <phoneticPr fontId="3"/>
  </si>
  <si>
    <t>相模原市緑区相原４－１４－１２</t>
    <rPh sb="4" eb="6">
      <t>ミドリク</t>
    </rPh>
    <rPh sb="6" eb="8">
      <t>アイハラ</t>
    </rPh>
    <phoneticPr fontId="3"/>
  </si>
  <si>
    <t>相模原市中央区向陽町８－１</t>
    <rPh sb="4" eb="7">
      <t>チュウオウク</t>
    </rPh>
    <rPh sb="7" eb="10">
      <t>コウヨウチョウ</t>
    </rPh>
    <phoneticPr fontId="3"/>
  </si>
  <si>
    <t>相模原市中央区星が丘３－１－３８</t>
    <rPh sb="4" eb="7">
      <t>チュウオウク</t>
    </rPh>
    <rPh sb="7" eb="8">
      <t>ホシ</t>
    </rPh>
    <rPh sb="9" eb="10">
      <t>オカ</t>
    </rPh>
    <phoneticPr fontId="3"/>
  </si>
  <si>
    <t>相模原市中央区清新３－１６－１</t>
    <rPh sb="4" eb="7">
      <t>チュウオウク</t>
    </rPh>
    <rPh sb="7" eb="9">
      <t>セイシン</t>
    </rPh>
    <phoneticPr fontId="3"/>
  </si>
  <si>
    <t>相模原市中央区横山台１－２０－１０</t>
    <rPh sb="4" eb="7">
      <t>チュウオウク</t>
    </rPh>
    <rPh sb="7" eb="9">
      <t>ヨコヤマ</t>
    </rPh>
    <rPh sb="9" eb="10">
      <t>ダイ</t>
    </rPh>
    <phoneticPr fontId="3"/>
  </si>
  <si>
    <t>相模原市中央区並木４－７－９</t>
    <rPh sb="4" eb="7">
      <t>チュウオウク</t>
    </rPh>
    <rPh sb="7" eb="9">
      <t>ナミキ</t>
    </rPh>
    <phoneticPr fontId="3"/>
  </si>
  <si>
    <t>相模原市南区上鶴間本町７－７－１</t>
    <rPh sb="4" eb="6">
      <t>ミナミク</t>
    </rPh>
    <rPh sb="6" eb="9">
      <t>カミツルマ</t>
    </rPh>
    <rPh sb="9" eb="11">
      <t>ホンチョウ</t>
    </rPh>
    <phoneticPr fontId="3"/>
  </si>
  <si>
    <t>相模原市緑区与瀬１１３４－３</t>
    <rPh sb="4" eb="6">
      <t>ミドリク</t>
    </rPh>
    <rPh sb="6" eb="8">
      <t>ヨセ</t>
    </rPh>
    <phoneticPr fontId="3"/>
  </si>
  <si>
    <t>相模原市緑区小渕１９９２</t>
    <rPh sb="4" eb="6">
      <t>ミドリク</t>
    </rPh>
    <rPh sb="6" eb="8">
      <t>コブチ</t>
    </rPh>
    <phoneticPr fontId="3"/>
  </si>
  <si>
    <t>相模原市南区磯部９１６－３</t>
    <rPh sb="4" eb="6">
      <t>ミナミク</t>
    </rPh>
    <rPh sb="6" eb="8">
      <t>イソベ</t>
    </rPh>
    <phoneticPr fontId="3"/>
  </si>
  <si>
    <t>第2浄水場
(寒川取水管理所含む)</t>
    <rPh sb="0" eb="1">
      <t>ダイ</t>
    </rPh>
    <rPh sb="2" eb="5">
      <t>ジョウスイジョウ</t>
    </rPh>
    <rPh sb="7" eb="9">
      <t>サムカワ</t>
    </rPh>
    <rPh sb="9" eb="11">
      <t>シュスイ</t>
    </rPh>
    <rPh sb="11" eb="13">
      <t>カンリ</t>
    </rPh>
    <rPh sb="13" eb="14">
      <t>ショ</t>
    </rPh>
    <rPh sb="14" eb="15">
      <t>フク</t>
    </rPh>
    <phoneticPr fontId="3"/>
  </si>
  <si>
    <t>横浜市西区紅葉ヶ丘９－２</t>
  </si>
  <si>
    <t>横浜市中区寿町１－４</t>
  </si>
  <si>
    <t>横浜市南区六ツ川１－７３１</t>
  </si>
  <si>
    <t>横浜市旭区上白根町１１６１－７</t>
  </si>
  <si>
    <t>横浜市旭区中尾２－４－１（東キャンパス）
横浜市旭区中尾２－６－１（西キャンパス）</t>
  </si>
  <si>
    <t>横浜市瀬谷区南瀬谷２－２０</t>
  </si>
  <si>
    <t>川崎市多摩区南生田４－２－１</t>
  </si>
  <si>
    <t>相模原市緑区中野９３７－２</t>
  </si>
  <si>
    <t>相模原市緑区橋本台４－２－１</t>
  </si>
  <si>
    <t>相模原市緑区三ケ木２７２－１</t>
  </si>
  <si>
    <t>相模原市緑区西橋本５－４－７</t>
  </si>
  <si>
    <t>相模原市中央区弥栄３－１－８</t>
  </si>
  <si>
    <t>相模原市南区麻溝台１５２４－１</t>
  </si>
  <si>
    <t>相模原市南区相模大野６－３－１</t>
  </si>
  <si>
    <t>相模原市南区北里２－１１－１</t>
  </si>
  <si>
    <t>横須賀市浦郷町５－２９３１</t>
    <rPh sb="0" eb="4">
      <t>ヨコスカシ</t>
    </rPh>
    <rPh sb="4" eb="7">
      <t>ウラゴウチョウ</t>
    </rPh>
    <phoneticPr fontId="3"/>
  </si>
  <si>
    <t>横須賀市長坂５－１－１</t>
    <rPh sb="0" eb="4">
      <t>ヨコスカシ</t>
    </rPh>
    <rPh sb="4" eb="6">
      <t>ナガサカ</t>
    </rPh>
    <phoneticPr fontId="3"/>
  </si>
  <si>
    <t>横須賀市佐原４－２０－１</t>
  </si>
  <si>
    <t>鎌倉市岡本２－２１−１９</t>
  </si>
  <si>
    <t>鎌倉市梶原２－３３−２</t>
  </si>
  <si>
    <t>鎌倉市由比ガ浜３－１１−４８</t>
  </si>
  <si>
    <t>藤沢市鵠沼石上２－６−１</t>
  </si>
  <si>
    <t>藤沢市善行７－１－２</t>
  </si>
  <si>
    <t>茅ヶ崎市芹沢４３０－３</t>
    <rPh sb="0" eb="4">
      <t>チガサキシ</t>
    </rPh>
    <phoneticPr fontId="3"/>
  </si>
  <si>
    <t>茅ヶ崎市柳島海岸１５９２－１先</t>
    <rPh sb="0" eb="4">
      <t>チガサキシ</t>
    </rPh>
    <rPh sb="14" eb="15">
      <t>サキ</t>
    </rPh>
    <phoneticPr fontId="3"/>
  </si>
  <si>
    <t>茅ヶ崎市円蔵１－１６－１</t>
  </si>
  <si>
    <t>茅ヶ崎市下町屋１－５５１－２</t>
  </si>
  <si>
    <t>茅ヶ崎市茅ヶ崎１－１１－１</t>
  </si>
  <si>
    <t>茅ヶ崎市茅ヶ崎３－２－７</t>
  </si>
  <si>
    <t>茅ヶ崎市茅ヶ崎３－４－２３</t>
  </si>
  <si>
    <t>茅ヶ崎市元町１０－３３</t>
  </si>
  <si>
    <t>茅ヶ崎市香川１－１１－１</t>
  </si>
  <si>
    <t>茅ヶ崎市今宿４４４－２</t>
  </si>
  <si>
    <t>茅ヶ崎市十間坂３－５－３７</t>
  </si>
  <si>
    <t>茅ヶ崎市常盤町２－２</t>
  </si>
  <si>
    <t>茅ヶ崎市中海岸１－２－４２</t>
  </si>
  <si>
    <t>茅ヶ崎市中海岸３－３－９</t>
  </si>
  <si>
    <t>茅ヶ崎市堤１９４８－１</t>
  </si>
  <si>
    <t>茅ヶ崎市堤３７８６－１</t>
  </si>
  <si>
    <t>茅ヶ崎市東海岸南６－６－６４</t>
  </si>
  <si>
    <t>茅ヶ崎市東海岸北１－４－４５</t>
  </si>
  <si>
    <t>茅ヶ崎市南湖６－１５－１３</t>
  </si>
  <si>
    <t>茅ヶ崎市萩園１２１５－４</t>
  </si>
  <si>
    <t>茅ヶ崎市萩園２０２８－５５</t>
  </si>
  <si>
    <t>茅ヶ崎市萩園２３６０－１</t>
  </si>
  <si>
    <t>茅ヶ崎市美住町６－２０</t>
  </si>
  <si>
    <t>茅ヶ崎市浜見平１１－１</t>
  </si>
  <si>
    <t>茅ヶ崎市浜須賀１８－３８</t>
  </si>
  <si>
    <t>茅ヶ崎市本村５－１５－１</t>
  </si>
  <si>
    <t>厚木市王子１－１－１</t>
  </si>
  <si>
    <t>伊勢原市伊勢原２－７−３１</t>
  </si>
  <si>
    <t>海老名市望地２－２１－１</t>
    <rPh sb="4" eb="5">
      <t>ノゾム</t>
    </rPh>
    <rPh sb="5" eb="6">
      <t>チ</t>
    </rPh>
    <phoneticPr fontId="3"/>
  </si>
  <si>
    <t>海老名市門沢橋１－２０－４１</t>
  </si>
  <si>
    <t>綾瀬市寺尾本町１－１１−３</t>
  </si>
  <si>
    <t>綾瀬市早川１４８５－１</t>
  </si>
  <si>
    <t>寒川町小動９８２－２</t>
    <rPh sb="0" eb="2">
      <t>サムカワ</t>
    </rPh>
    <rPh sb="2" eb="3">
      <t>マチ</t>
    </rPh>
    <rPh sb="3" eb="4">
      <t>ショウ</t>
    </rPh>
    <rPh sb="4" eb="5">
      <t>ドウ</t>
    </rPh>
    <phoneticPr fontId="3"/>
  </si>
  <si>
    <t>川崎市宮前区神木本町２</t>
    <rPh sb="0" eb="3">
      <t>カワサキシ</t>
    </rPh>
    <rPh sb="3" eb="6">
      <t>ミヤマエク</t>
    </rPh>
    <rPh sb="6" eb="8">
      <t>カミキ</t>
    </rPh>
    <rPh sb="8" eb="10">
      <t>ホンチョウ</t>
    </rPh>
    <phoneticPr fontId="3"/>
  </si>
  <si>
    <t>横須賀市鴨居４ほか</t>
    <rPh sb="0" eb="4">
      <t>ヨコスカシ</t>
    </rPh>
    <rPh sb="4" eb="6">
      <t>カモイ</t>
    </rPh>
    <phoneticPr fontId="3"/>
  </si>
  <si>
    <t>鎌倉市由比ガ浜４</t>
    <rPh sb="0" eb="3">
      <t>カマクラシ</t>
    </rPh>
    <rPh sb="3" eb="5">
      <t>ユイ</t>
    </rPh>
    <rPh sb="6" eb="7">
      <t>ハマ</t>
    </rPh>
    <phoneticPr fontId="3"/>
  </si>
  <si>
    <t>藤沢市江の島１</t>
    <rPh sb="0" eb="2">
      <t>フジサワ</t>
    </rPh>
    <rPh sb="2" eb="3">
      <t>シ</t>
    </rPh>
    <rPh sb="3" eb="4">
      <t>エ</t>
    </rPh>
    <rPh sb="5" eb="6">
      <t>シマ</t>
    </rPh>
    <phoneticPr fontId="3"/>
  </si>
  <si>
    <t>藤沢市片瀬海岸２、３</t>
    <rPh sb="0" eb="3">
      <t>フジサワシ</t>
    </rPh>
    <rPh sb="3" eb="5">
      <t>カタセ</t>
    </rPh>
    <rPh sb="5" eb="7">
      <t>カイガン</t>
    </rPh>
    <phoneticPr fontId="3"/>
  </si>
  <si>
    <t>藤沢市鵠沼海岸１ほか</t>
    <rPh sb="0" eb="2">
      <t>フジサワ</t>
    </rPh>
    <rPh sb="2" eb="3">
      <t>シ</t>
    </rPh>
    <rPh sb="3" eb="5">
      <t>クゲヌマ</t>
    </rPh>
    <rPh sb="5" eb="7">
      <t>カイガン</t>
    </rPh>
    <phoneticPr fontId="3"/>
  </si>
  <si>
    <t>藤沢市辻堂西海岸３</t>
    <rPh sb="0" eb="2">
      <t>フジサワ</t>
    </rPh>
    <rPh sb="2" eb="3">
      <t>シ</t>
    </rPh>
    <rPh sb="3" eb="5">
      <t>ツジドウ</t>
    </rPh>
    <rPh sb="5" eb="6">
      <t>ニシ</t>
    </rPh>
    <rPh sb="6" eb="8">
      <t>カイガン</t>
    </rPh>
    <phoneticPr fontId="3"/>
  </si>
  <si>
    <t>海老名市上郷２ほか</t>
    <rPh sb="0" eb="4">
      <t>エビナシ</t>
    </rPh>
    <rPh sb="4" eb="5">
      <t>ウエ</t>
    </rPh>
    <rPh sb="5" eb="6">
      <t>サト</t>
    </rPh>
    <phoneticPr fontId="3"/>
  </si>
  <si>
    <t>座間市入谷東１</t>
    <rPh sb="0" eb="3">
      <t>ザマシ</t>
    </rPh>
    <rPh sb="3" eb="5">
      <t>イリヤ</t>
    </rPh>
    <rPh sb="5" eb="6">
      <t>ヒガシ</t>
    </rPh>
    <phoneticPr fontId="3"/>
  </si>
  <si>
    <t>横浜市神奈川区三ツ沢南町１－１</t>
  </si>
  <si>
    <t>横浜市港南区港南中央通１１‐１</t>
    <rPh sb="0" eb="3">
      <t>ヨコハマシ</t>
    </rPh>
    <rPh sb="3" eb="6">
      <t>コウナンク</t>
    </rPh>
    <rPh sb="6" eb="11">
      <t>コウナンチュウオウドオリ</t>
    </rPh>
    <phoneticPr fontId="3"/>
  </si>
  <si>
    <t>横浜市旭区中尾１－１－１</t>
    <rPh sb="0" eb="3">
      <t>ヨコハマシ</t>
    </rPh>
    <rPh sb="3" eb="5">
      <t>アサヒク</t>
    </rPh>
    <rPh sb="5" eb="7">
      <t>ナカオ</t>
    </rPh>
    <phoneticPr fontId="3"/>
  </si>
  <si>
    <t>横浜市栄区金井町１００</t>
  </si>
  <si>
    <t>横浜市栄区柏陽１－１</t>
  </si>
  <si>
    <t>横浜市都筑区新栄町１－１</t>
  </si>
  <si>
    <t>相模原市緑区小倉１</t>
    <rPh sb="4" eb="6">
      <t>ミドリク</t>
    </rPh>
    <rPh sb="6" eb="8">
      <t>オグラ</t>
    </rPh>
    <phoneticPr fontId="3"/>
  </si>
  <si>
    <t>相模原市南区１－１１－１</t>
    <rPh sb="0" eb="3">
      <t>サガミハラ</t>
    </rPh>
    <rPh sb="3" eb="4">
      <t>シ</t>
    </rPh>
    <rPh sb="4" eb="6">
      <t>ミナミク</t>
    </rPh>
    <phoneticPr fontId="3"/>
  </si>
  <si>
    <t>相模原市南区相南１－１０－１０</t>
    <rPh sb="0" eb="4">
      <t>サガミハラシ</t>
    </rPh>
    <rPh sb="4" eb="6">
      <t>ミナミク</t>
    </rPh>
    <rPh sb="6" eb="8">
      <t>ソウナン</t>
    </rPh>
    <phoneticPr fontId="3"/>
  </si>
  <si>
    <t>横須賀市新港町１－１１</t>
  </si>
  <si>
    <t>横須賀市新港町１－１０</t>
  </si>
  <si>
    <t>平塚市大原１－１</t>
  </si>
  <si>
    <t>平塚市達上ケ丘１０－１０</t>
  </si>
  <si>
    <t>平塚市追分１０－１</t>
  </si>
  <si>
    <t>藤沢市朝日町１－１</t>
    <rPh sb="0" eb="3">
      <t>フジサワシ</t>
    </rPh>
    <rPh sb="3" eb="6">
      <t>アサヒチョウ</t>
    </rPh>
    <phoneticPr fontId="3"/>
  </si>
  <si>
    <t>小田原市早川１－１</t>
    <rPh sb="0" eb="4">
      <t>オダワラシ</t>
    </rPh>
    <rPh sb="4" eb="6">
      <t>ハヤカワ</t>
    </rPh>
    <phoneticPr fontId="3"/>
  </si>
  <si>
    <t>秦野市新町１０</t>
    <rPh sb="0" eb="3">
      <t>ハダノシ</t>
    </rPh>
    <rPh sb="3" eb="5">
      <t>シンチョウ</t>
    </rPh>
    <phoneticPr fontId="2"/>
  </si>
  <si>
    <t>秦野市平沢１０１－１（第三駐車場）</t>
    <rPh sb="0" eb="3">
      <t>ハダノシ</t>
    </rPh>
    <rPh sb="3" eb="5">
      <t>ヒラサワ</t>
    </rPh>
    <rPh sb="12" eb="13">
      <t>サン</t>
    </rPh>
    <phoneticPr fontId="2"/>
  </si>
  <si>
    <t>厚木市愛名１０００</t>
    <rPh sb="0" eb="3">
      <t>アツギシ</t>
    </rPh>
    <rPh sb="3" eb="5">
      <t>アイナ</t>
    </rPh>
    <phoneticPr fontId="3"/>
  </si>
  <si>
    <t>厚木市水引１－１１－１０</t>
    <rPh sb="0" eb="3">
      <t>アツギシ</t>
    </rPh>
    <rPh sb="3" eb="5">
      <t>ミズヒキ</t>
    </rPh>
    <phoneticPr fontId="3"/>
  </si>
  <si>
    <t>座間市東原３－１－１</t>
    <rPh sb="0" eb="3">
      <t>ザマシ</t>
    </rPh>
    <rPh sb="3" eb="5">
      <t>ヒガシハラ</t>
    </rPh>
    <phoneticPr fontId="3"/>
  </si>
  <si>
    <t>座間市緑ケ丘１－１－１</t>
    <rPh sb="0" eb="3">
      <t>ザマシ</t>
    </rPh>
    <rPh sb="3" eb="6">
      <t>ミドリガオカ</t>
    </rPh>
    <phoneticPr fontId="3"/>
  </si>
  <si>
    <t>座間市入谷西５－１１－１</t>
  </si>
  <si>
    <t>綾瀬市上土棚中１－１０－１１</t>
  </si>
  <si>
    <t>箱根町箱根１</t>
    <rPh sb="0" eb="5">
      <t>ハコネマチハコネ</t>
    </rPh>
    <phoneticPr fontId="3"/>
  </si>
  <si>
    <t>湯河原町門川１１</t>
    <rPh sb="0" eb="4">
      <t>ユガワラマチ</t>
    </rPh>
    <rPh sb="4" eb="6">
      <t>モンガワ</t>
    </rPh>
    <phoneticPr fontId="3"/>
  </si>
  <si>
    <t>横浜市西区岡野２－１２－２０</t>
    <rPh sb="0" eb="3">
      <t>ヨコハマシ</t>
    </rPh>
    <rPh sb="3" eb="5">
      <t>ニシク</t>
    </rPh>
    <rPh sb="5" eb="7">
      <t>オカノ</t>
    </rPh>
    <phoneticPr fontId="3"/>
  </si>
  <si>
    <t>横浜市金沢区泥亀２－１０－１</t>
    <rPh sb="0" eb="8">
      <t>ヨコハマシカナザワクデイキ</t>
    </rPh>
    <phoneticPr fontId="3"/>
  </si>
  <si>
    <t>横浜市栄区小菅ヶ谷１－２－１</t>
  </si>
  <si>
    <t>相模原市緑区小渕２０００</t>
    <rPh sb="0" eb="4">
      <t>サガミハラシ</t>
    </rPh>
    <rPh sb="4" eb="6">
      <t>ミドリク</t>
    </rPh>
    <rPh sb="6" eb="8">
      <t>オブチ</t>
    </rPh>
    <phoneticPr fontId="3"/>
  </si>
  <si>
    <t>相模原市緑区青山１０１２</t>
  </si>
  <si>
    <t>相模原市中央区鹿沼台１－１０－２０</t>
    <rPh sb="0" eb="4">
      <t>サガミハラシ</t>
    </rPh>
    <rPh sb="4" eb="7">
      <t>チュウオウク</t>
    </rPh>
    <rPh sb="7" eb="10">
      <t>カヌマダイ</t>
    </rPh>
    <phoneticPr fontId="3"/>
  </si>
  <si>
    <t>相模原市中央区相模原１－１－２０</t>
    <rPh sb="0" eb="4">
      <t>サガミハラシ</t>
    </rPh>
    <rPh sb="4" eb="7">
      <t>チュウオウク</t>
    </rPh>
    <rPh sb="7" eb="9">
      <t>サガミ</t>
    </rPh>
    <rPh sb="9" eb="10">
      <t>ハラ</t>
    </rPh>
    <phoneticPr fontId="3"/>
  </si>
  <si>
    <t>横須賀市小川町２０</t>
    <rPh sb="0" eb="4">
      <t>ヨコスカシ</t>
    </rPh>
    <rPh sb="4" eb="7">
      <t>オガワチョウ</t>
    </rPh>
    <phoneticPr fontId="3"/>
  </si>
  <si>
    <t>横須賀市夏島町１２</t>
    <rPh sb="0" eb="4">
      <t>ヨコスカシ</t>
    </rPh>
    <rPh sb="4" eb="5">
      <t>ナツ</t>
    </rPh>
    <rPh sb="5" eb="6">
      <t>シマ</t>
    </rPh>
    <rPh sb="6" eb="7">
      <t>マチ</t>
    </rPh>
    <phoneticPr fontId="3"/>
  </si>
  <si>
    <t>横須賀市本町２－１</t>
    <rPh sb="0" eb="4">
      <t>ヨコスカシ</t>
    </rPh>
    <rPh sb="4" eb="6">
      <t>ホンチョウ</t>
    </rPh>
    <phoneticPr fontId="3"/>
  </si>
  <si>
    <t>横須賀市長坂１－２－１</t>
  </si>
  <si>
    <t>平塚市袖ヶ浜２０－１</t>
  </si>
  <si>
    <t>平塚市追分１－２０</t>
  </si>
  <si>
    <t>平塚市東真土２－１２－１</t>
  </si>
  <si>
    <t>鎌倉市御成町２０－２１</t>
    <rPh sb="0" eb="2">
      <t>カマクラ</t>
    </rPh>
    <rPh sb="2" eb="3">
      <t>シ</t>
    </rPh>
    <rPh sb="3" eb="6">
      <t>オナリマチ</t>
    </rPh>
    <phoneticPr fontId="3"/>
  </si>
  <si>
    <t>鎌倉市鎌倉山２－２－２</t>
    <rPh sb="0" eb="3">
      <t>カマクラシ</t>
    </rPh>
    <rPh sb="3" eb="5">
      <t>カマクラ</t>
    </rPh>
    <rPh sb="5" eb="6">
      <t>ヤマ</t>
    </rPh>
    <phoneticPr fontId="4"/>
  </si>
  <si>
    <t>鎌倉市七里ガ浜２－２１－１</t>
  </si>
  <si>
    <t>鎌倉市雪ノ下２－２－１２</t>
  </si>
  <si>
    <t>藤沢市石川１－１－２２</t>
    <rPh sb="0" eb="3">
      <t>フジサワシ</t>
    </rPh>
    <rPh sb="3" eb="5">
      <t>イシカワ</t>
    </rPh>
    <phoneticPr fontId="3"/>
  </si>
  <si>
    <t>藤沢市鵠沼東１２</t>
  </si>
  <si>
    <t>小田原市成田１１１１－２</t>
    <rPh sb="0" eb="4">
      <t>オダワラシ</t>
    </rPh>
    <rPh sb="4" eb="6">
      <t>ナルダ</t>
    </rPh>
    <phoneticPr fontId="3"/>
  </si>
  <si>
    <t>小田原市早川１－２－１</t>
    <rPh sb="0" eb="4">
      <t>オダワラシ</t>
    </rPh>
    <rPh sb="4" eb="6">
      <t>ハヤカワ</t>
    </rPh>
    <phoneticPr fontId="3"/>
  </si>
  <si>
    <t>小田原市栢山２００</t>
  </si>
  <si>
    <t>三浦市初声入江２００</t>
    <rPh sb="3" eb="4">
      <t>ハツ</t>
    </rPh>
    <rPh sb="4" eb="5">
      <t>コエ</t>
    </rPh>
    <rPh sb="5" eb="7">
      <t>イリエ</t>
    </rPh>
    <phoneticPr fontId="3"/>
  </si>
  <si>
    <t>秦野市入船町１２－２</t>
    <rPh sb="0" eb="3">
      <t>ハダノシ</t>
    </rPh>
    <rPh sb="3" eb="5">
      <t>イリフネ</t>
    </rPh>
    <rPh sb="5" eb="6">
      <t>マチ</t>
    </rPh>
    <phoneticPr fontId="3"/>
  </si>
  <si>
    <t>厚木市岡田１－１２－１</t>
  </si>
  <si>
    <t>厚木市森の里青山１２－１</t>
  </si>
  <si>
    <t>葉山町堀内２２２０</t>
    <rPh sb="3" eb="5">
      <t>ホリウチ</t>
    </rPh>
    <phoneticPr fontId="3"/>
  </si>
  <si>
    <t>大井町山田２０００－１</t>
    <rPh sb="0" eb="3">
      <t>オオイマチ</t>
    </rPh>
    <rPh sb="3" eb="5">
      <t>ヤマダ</t>
    </rPh>
    <phoneticPr fontId="3"/>
  </si>
  <si>
    <t>湯河原町土肥１－２－２</t>
    <rPh sb="0" eb="4">
      <t>ユガワラマチ</t>
    </rPh>
    <rPh sb="4" eb="6">
      <t>ドイ</t>
    </rPh>
    <phoneticPr fontId="3"/>
  </si>
  <si>
    <t>湯河原町中央２－２１－１</t>
  </si>
  <si>
    <t>湯河原町中央２－２１－２０</t>
  </si>
  <si>
    <t>湯河原町中央２－２－１</t>
  </si>
  <si>
    <t>横浜市神奈川区三ツ沢西町３－１</t>
  </si>
  <si>
    <t>横浜市中区山吹町２－３</t>
    <rPh sb="0" eb="3">
      <t>ヨコハマシ</t>
    </rPh>
    <rPh sb="3" eb="5">
      <t>ナカク</t>
    </rPh>
    <rPh sb="5" eb="8">
      <t>ヤマブキチョウ</t>
    </rPh>
    <phoneticPr fontId="3"/>
  </si>
  <si>
    <t>横浜市中区山下町２０３</t>
  </si>
  <si>
    <t>横浜市南区弘明寺町３１</t>
  </si>
  <si>
    <t>横浜市港南区芹が谷２－３－１</t>
    <rPh sb="0" eb="6">
      <t>ヨコハマシコウナンク</t>
    </rPh>
    <rPh sb="6" eb="7">
      <t>セリ</t>
    </rPh>
    <rPh sb="8" eb="9">
      <t>ヤ</t>
    </rPh>
    <phoneticPr fontId="3"/>
  </si>
  <si>
    <t>横浜市栄区桂町３２０－２</t>
    <rPh sb="0" eb="3">
      <t>ヨコハマシ</t>
    </rPh>
    <rPh sb="3" eb="5">
      <t>サカエク</t>
    </rPh>
    <rPh sb="5" eb="6">
      <t>カツラ</t>
    </rPh>
    <rPh sb="6" eb="7">
      <t>マチ</t>
    </rPh>
    <phoneticPr fontId="3"/>
  </si>
  <si>
    <t>川崎市中原区井田３－１３－１</t>
  </si>
  <si>
    <t>川崎市宮前区有馬３－２２－１</t>
  </si>
  <si>
    <t>川崎市麻生区王禅寺３０３－１</t>
    <rPh sb="0" eb="3">
      <t>カワサキシ</t>
    </rPh>
    <rPh sb="3" eb="6">
      <t>アサオク</t>
    </rPh>
    <rPh sb="6" eb="9">
      <t>オウゼンジ</t>
    </rPh>
    <phoneticPr fontId="3"/>
  </si>
  <si>
    <t>川崎市麻生区下麻生３－１－１</t>
    <rPh sb="0" eb="3">
      <t>カワサキシ</t>
    </rPh>
    <rPh sb="3" eb="6">
      <t>アサオク</t>
    </rPh>
    <rPh sb="6" eb="9">
      <t>シモアサオ</t>
    </rPh>
    <phoneticPr fontId="3"/>
  </si>
  <si>
    <t>相模原市緑区吉野１０３０－１２</t>
    <rPh sb="4" eb="6">
      <t>ミドリク</t>
    </rPh>
    <rPh sb="6" eb="8">
      <t>ヨシノ</t>
    </rPh>
    <phoneticPr fontId="2"/>
  </si>
  <si>
    <t>相模原市中央区中央３－１３</t>
  </si>
  <si>
    <t>相模原市中央区田名塩田３－１３</t>
  </si>
  <si>
    <t>相模原市中央区弥栄３－１</t>
  </si>
  <si>
    <t>相模原市南区相模大野３－２－２</t>
    <rPh sb="0" eb="4">
      <t>サガミハラシ</t>
    </rPh>
    <rPh sb="4" eb="6">
      <t>ミナミク</t>
    </rPh>
    <rPh sb="6" eb="10">
      <t>サガミオオノ</t>
    </rPh>
    <phoneticPr fontId="3"/>
  </si>
  <si>
    <t>相模原市南区桜台１３－１</t>
    <rPh sb="0" eb="4">
      <t>サガミハラシ</t>
    </rPh>
    <rPh sb="4" eb="6">
      <t>ミナミク</t>
    </rPh>
    <rPh sb="6" eb="8">
      <t>サクラダイ</t>
    </rPh>
    <phoneticPr fontId="3"/>
  </si>
  <si>
    <t>相模原市南区南台３－２０－１</t>
    <rPh sb="0" eb="4">
      <t>サガミハラシ</t>
    </rPh>
    <rPh sb="4" eb="6">
      <t>ミナミク</t>
    </rPh>
    <rPh sb="6" eb="8">
      <t>ミナミダイ</t>
    </rPh>
    <phoneticPr fontId="3"/>
  </si>
  <si>
    <t>平塚市西八幡１－３－３</t>
  </si>
  <si>
    <t>平塚市大原１－１３</t>
  </si>
  <si>
    <t>平塚市田村３－１３－１</t>
  </si>
  <si>
    <t>平塚市夕陽ケ丘２２－３</t>
  </si>
  <si>
    <t>平塚市立野町３１－２０</t>
  </si>
  <si>
    <t>鎌倉市常盤１１１－３</t>
    <rPh sb="0" eb="3">
      <t>カマクラシ</t>
    </rPh>
    <rPh sb="3" eb="5">
      <t>トキワ</t>
    </rPh>
    <phoneticPr fontId="3"/>
  </si>
  <si>
    <t>鎌倉市笛田３－３０－１</t>
    <rPh sb="0" eb="3">
      <t>カマクラシ</t>
    </rPh>
    <rPh sb="3" eb="5">
      <t>フエダ</t>
    </rPh>
    <phoneticPr fontId="4"/>
  </si>
  <si>
    <t>鎌倉市七里ガ浜東２－３－１</t>
  </si>
  <si>
    <t>藤沢市鵠沼２１３１－１</t>
    <rPh sb="0" eb="3">
      <t>フジサワシ</t>
    </rPh>
    <rPh sb="3" eb="5">
      <t>クゲヌマ</t>
    </rPh>
    <phoneticPr fontId="3"/>
  </si>
  <si>
    <t>藤沢市善行１－２－３</t>
    <rPh sb="0" eb="3">
      <t>フジサワシ</t>
    </rPh>
    <rPh sb="3" eb="5">
      <t>ゼンギョウ</t>
    </rPh>
    <phoneticPr fontId="3"/>
  </si>
  <si>
    <t>藤沢市辻堂新町１－１１－２３</t>
    <rPh sb="0" eb="3">
      <t>フジサワシ</t>
    </rPh>
    <rPh sb="3" eb="7">
      <t>ツジドウシンマチ</t>
    </rPh>
    <phoneticPr fontId="3"/>
  </si>
  <si>
    <t>小田原市酒匂１－３－１</t>
    <rPh sb="0" eb="4">
      <t>オダワラシ</t>
    </rPh>
    <rPh sb="4" eb="5">
      <t>サケ</t>
    </rPh>
    <rPh sb="5" eb="6">
      <t>ニオイ</t>
    </rPh>
    <phoneticPr fontId="3"/>
  </si>
  <si>
    <t>小田原市城内３－２２</t>
    <rPh sb="0" eb="4">
      <t>オダワラシ</t>
    </rPh>
    <rPh sb="4" eb="6">
      <t>ジョウナイ</t>
    </rPh>
    <phoneticPr fontId="3"/>
  </si>
  <si>
    <t>小田原市東大友１１３</t>
    <rPh sb="0" eb="4">
      <t>オダワラシ</t>
    </rPh>
    <rPh sb="4" eb="7">
      <t>ヒガシオオトモ</t>
    </rPh>
    <phoneticPr fontId="3"/>
  </si>
  <si>
    <t>三浦市初声町下宮田３００２</t>
    <rPh sb="0" eb="3">
      <t>ミウラシ</t>
    </rPh>
    <rPh sb="3" eb="4">
      <t>ハツ</t>
    </rPh>
    <rPh sb="4" eb="5">
      <t>コエ</t>
    </rPh>
    <rPh sb="5" eb="6">
      <t>マチ</t>
    </rPh>
    <rPh sb="6" eb="7">
      <t>シタ</t>
    </rPh>
    <rPh sb="7" eb="9">
      <t>ミヤタ</t>
    </rPh>
    <phoneticPr fontId="3"/>
  </si>
  <si>
    <t>三浦市三崎町六合３</t>
    <rPh sb="0" eb="3">
      <t>ミウラシ</t>
    </rPh>
    <rPh sb="3" eb="5">
      <t>ミサキ</t>
    </rPh>
    <rPh sb="5" eb="6">
      <t>マチ</t>
    </rPh>
    <rPh sb="6" eb="8">
      <t>ムツアイ</t>
    </rPh>
    <phoneticPr fontId="3"/>
  </si>
  <si>
    <t>三浦市初声町和田３０２３－１</t>
  </si>
  <si>
    <t>秦野市寿町３－１２</t>
    <rPh sb="0" eb="3">
      <t>ハダノシ</t>
    </rPh>
    <rPh sb="3" eb="5">
      <t>コトブキチョウ</t>
    </rPh>
    <phoneticPr fontId="3"/>
  </si>
  <si>
    <t>秦野市桜町１－３－２</t>
    <rPh sb="0" eb="3">
      <t>ハダノシ</t>
    </rPh>
    <rPh sb="3" eb="5">
      <t>サクラチョウ</t>
    </rPh>
    <phoneticPr fontId="3"/>
  </si>
  <si>
    <t>秦野市桜町２－１－３</t>
    <rPh sb="0" eb="3">
      <t>ハダノシ</t>
    </rPh>
    <rPh sb="3" eb="5">
      <t>サクラマチ</t>
    </rPh>
    <phoneticPr fontId="3"/>
  </si>
  <si>
    <t>秦野市鶴巻北３－１－２</t>
    <rPh sb="0" eb="3">
      <t>ハダノシ</t>
    </rPh>
    <rPh sb="3" eb="6">
      <t>ツルマキキタ</t>
    </rPh>
    <phoneticPr fontId="2"/>
  </si>
  <si>
    <t>秦野市堀川２０３－１</t>
    <rPh sb="0" eb="3">
      <t>ハダノシ</t>
    </rPh>
    <rPh sb="3" eb="5">
      <t>ホリカワ</t>
    </rPh>
    <phoneticPr fontId="3"/>
  </si>
  <si>
    <t>秦野市下大槻１１３</t>
  </si>
  <si>
    <t>厚木市水引２－３－１</t>
    <rPh sb="0" eb="3">
      <t>アツギシ</t>
    </rPh>
    <rPh sb="3" eb="5">
      <t>ミズヒキ</t>
    </rPh>
    <phoneticPr fontId="3"/>
  </si>
  <si>
    <t>伊勢原市田中３２３</t>
    <rPh sb="0" eb="4">
      <t>イセハラシ</t>
    </rPh>
    <rPh sb="4" eb="6">
      <t>タナカ</t>
    </rPh>
    <phoneticPr fontId="3"/>
  </si>
  <si>
    <t>座間市入谷東１－３－１</t>
    <rPh sb="0" eb="3">
      <t>ザマシ</t>
    </rPh>
    <rPh sb="3" eb="5">
      <t>イリヤ</t>
    </rPh>
    <rPh sb="5" eb="6">
      <t>ヒガシ</t>
    </rPh>
    <phoneticPr fontId="3"/>
  </si>
  <si>
    <t>座間市東原４－１３－１３</t>
    <rPh sb="0" eb="3">
      <t>ザマシ</t>
    </rPh>
    <rPh sb="3" eb="5">
      <t>ヒガシハラ</t>
    </rPh>
    <phoneticPr fontId="3"/>
  </si>
  <si>
    <t>南足柄市和田河原１０３０</t>
    <rPh sb="0" eb="4">
      <t>ミ</t>
    </rPh>
    <rPh sb="4" eb="8">
      <t>ワダガハラ</t>
    </rPh>
    <phoneticPr fontId="3"/>
  </si>
  <si>
    <t>南足柄市生駒３３０－１</t>
  </si>
  <si>
    <t>綾瀬市深谷中１－３－１</t>
  </si>
  <si>
    <t>綾瀬市深谷中１－３－１</t>
    <rPh sb="0" eb="3">
      <t>アヤセシ</t>
    </rPh>
    <rPh sb="3" eb="5">
      <t>フカヤ</t>
    </rPh>
    <rPh sb="5" eb="6">
      <t>ナカ</t>
    </rPh>
    <phoneticPr fontId="3"/>
  </si>
  <si>
    <t>綾瀬市綾西２－１１－１３</t>
    <rPh sb="0" eb="3">
      <t>アヤセシ</t>
    </rPh>
    <rPh sb="3" eb="5">
      <t>リョウセイ</t>
    </rPh>
    <phoneticPr fontId="5"/>
  </si>
  <si>
    <t>綾瀬市寺尾中１－３－２２</t>
  </si>
  <si>
    <t>綾瀬市深谷中１－１３－２</t>
  </si>
  <si>
    <t>葉山町一色２１２３‐１</t>
  </si>
  <si>
    <t>横浜市神奈川区鶴屋町２－２４－２</t>
    <rPh sb="0" eb="3">
      <t>ヨコハマシ</t>
    </rPh>
    <rPh sb="3" eb="7">
      <t>カナガワク</t>
    </rPh>
    <rPh sb="7" eb="10">
      <t>ツルヤチョウ</t>
    </rPh>
    <phoneticPr fontId="3"/>
  </si>
  <si>
    <t>横浜市南区清水ケ丘４１</t>
  </si>
  <si>
    <t>横浜市南区大岡２－３１－４</t>
  </si>
  <si>
    <t>横浜市金沢区金沢町１４２</t>
  </si>
  <si>
    <t>横浜市都筑区茅ケ崎中央３４－１</t>
    <rPh sb="0" eb="2">
      <t>ヨコハマ</t>
    </rPh>
    <rPh sb="2" eb="3">
      <t>シ</t>
    </rPh>
    <rPh sb="3" eb="5">
      <t>ツズキ</t>
    </rPh>
    <rPh sb="5" eb="6">
      <t>ク</t>
    </rPh>
    <rPh sb="6" eb="11">
      <t>チガサキチュウオウ</t>
    </rPh>
    <phoneticPr fontId="3"/>
  </si>
  <si>
    <t>川崎市中原区下新城１－１４－１</t>
  </si>
  <si>
    <t>川崎市中原区木月住吉町３４－１</t>
  </si>
  <si>
    <t>川崎市多摩区菅馬場４－２－１</t>
  </si>
  <si>
    <t>川崎市多摩区生田４－３２－１</t>
  </si>
  <si>
    <t>川崎市麻生区金程３－４－１</t>
  </si>
  <si>
    <t>相模原市緑区三ケ木４１４</t>
  </si>
  <si>
    <t>相模原市緑区若柳４４</t>
  </si>
  <si>
    <t>相模原市中央区富士見１－３－４１</t>
    <rPh sb="0" eb="4">
      <t>サガミハラシ</t>
    </rPh>
    <rPh sb="4" eb="6">
      <t>チュウオウ</t>
    </rPh>
    <rPh sb="6" eb="7">
      <t>ク</t>
    </rPh>
    <rPh sb="7" eb="10">
      <t>フジミ</t>
    </rPh>
    <phoneticPr fontId="3"/>
  </si>
  <si>
    <t>相模原市中央区富士見４－３－１</t>
    <rPh sb="0" eb="4">
      <t>サガミハラシ</t>
    </rPh>
    <rPh sb="4" eb="7">
      <t>チュウオウク</t>
    </rPh>
    <phoneticPr fontId="3"/>
  </si>
  <si>
    <t>相模原市中央区小山４－１</t>
  </si>
  <si>
    <t>相模原市中央区田名塩田１－４</t>
  </si>
  <si>
    <t>相模原市南区新磯野４－１－３</t>
    <rPh sb="0" eb="4">
      <t>サガミハラシ</t>
    </rPh>
    <rPh sb="4" eb="6">
      <t>ミナミク</t>
    </rPh>
    <rPh sb="6" eb="9">
      <t>アライソノ</t>
    </rPh>
    <phoneticPr fontId="3"/>
  </si>
  <si>
    <t>相模原市南区相模大野４－４－２</t>
    <rPh sb="0" eb="4">
      <t>サガミハラシ</t>
    </rPh>
    <rPh sb="4" eb="6">
      <t>ミナミク</t>
    </rPh>
    <rPh sb="6" eb="10">
      <t>サガミオオノ</t>
    </rPh>
    <phoneticPr fontId="3"/>
  </si>
  <si>
    <t>相模原市南区相模大野４－１－１</t>
  </si>
  <si>
    <t>横須賀市鴨居４－１</t>
    <rPh sb="0" eb="4">
      <t>ヨコスカシ</t>
    </rPh>
    <rPh sb="4" eb="6">
      <t>カモイ</t>
    </rPh>
    <phoneticPr fontId="3"/>
  </si>
  <si>
    <t>横須賀市長沢４－１３－１</t>
    <rPh sb="0" eb="4">
      <t>ヨコスカシ</t>
    </rPh>
    <rPh sb="4" eb="6">
      <t>ナガサワ</t>
    </rPh>
    <phoneticPr fontId="3"/>
  </si>
  <si>
    <t>横須賀市公郷町４－１０</t>
  </si>
  <si>
    <t>平塚市土屋４３００</t>
    <rPh sb="0" eb="2">
      <t>ヒラツカ</t>
    </rPh>
    <rPh sb="2" eb="3">
      <t>シ</t>
    </rPh>
    <rPh sb="3" eb="5">
      <t>ツチヤ</t>
    </rPh>
    <phoneticPr fontId="3"/>
  </si>
  <si>
    <t>平塚市河内４４０</t>
  </si>
  <si>
    <t>平塚市高浜台３４－１</t>
  </si>
  <si>
    <t>平塚市浅間町１２－４１</t>
  </si>
  <si>
    <t>平塚市追分１－４３</t>
  </si>
  <si>
    <t>藤沢市川名４１１－１</t>
  </si>
  <si>
    <t>小田原市南町２－３－４</t>
    <rPh sb="0" eb="4">
      <t>オダワラシ</t>
    </rPh>
    <rPh sb="4" eb="5">
      <t>ミナミ</t>
    </rPh>
    <rPh sb="5" eb="6">
      <t>マチ</t>
    </rPh>
    <phoneticPr fontId="3"/>
  </si>
  <si>
    <t>小田原市東町４－１２－１</t>
  </si>
  <si>
    <t>茅ヶ崎市本村３－４－１</t>
  </si>
  <si>
    <t>三浦市岬陽町４－３３</t>
    <rPh sb="0" eb="3">
      <t>ミウラシ</t>
    </rPh>
    <rPh sb="3" eb="6">
      <t>コウヨウチョウ</t>
    </rPh>
    <phoneticPr fontId="3"/>
  </si>
  <si>
    <t>秦野市南が丘４－２</t>
    <rPh sb="0" eb="3">
      <t>ハダノシ</t>
    </rPh>
    <rPh sb="3" eb="4">
      <t>ミナミ</t>
    </rPh>
    <rPh sb="5" eb="6">
      <t>オカ</t>
    </rPh>
    <phoneticPr fontId="3"/>
  </si>
  <si>
    <t>秦野市南が丘１－４－１</t>
  </si>
  <si>
    <t>厚木市戸室２－２４－１</t>
  </si>
  <si>
    <t>大和市つきみ野３－４</t>
  </si>
  <si>
    <t>海老名市大谷南４－２１－１</t>
    <rPh sb="0" eb="4">
      <t>エビナシ</t>
    </rPh>
    <rPh sb="4" eb="7">
      <t>オオヤミナミ</t>
    </rPh>
    <phoneticPr fontId="3"/>
  </si>
  <si>
    <t>海老名市柏ケ谷２－１４－１２</t>
    <rPh sb="0" eb="4">
      <t>エビナシ</t>
    </rPh>
    <rPh sb="4" eb="7">
      <t>カシワガヤ</t>
    </rPh>
    <phoneticPr fontId="3"/>
  </si>
  <si>
    <t>海老名市門沢橋１－２０－４１</t>
    <rPh sb="0" eb="4">
      <t>エビナシ</t>
    </rPh>
    <rPh sb="4" eb="7">
      <t>カドサワバシ</t>
    </rPh>
    <phoneticPr fontId="3"/>
  </si>
  <si>
    <t>海老名市国分南４－１４－１</t>
    <rPh sb="0" eb="7">
      <t>エビナシコクブミナミ</t>
    </rPh>
    <phoneticPr fontId="3"/>
  </si>
  <si>
    <t>海老名市社家４０３２－１</t>
    <rPh sb="0" eb="4">
      <t>エビナシ</t>
    </rPh>
    <rPh sb="4" eb="6">
      <t>シャケ</t>
    </rPh>
    <phoneticPr fontId="3"/>
  </si>
  <si>
    <t>海老名市中野１－２３１４－２</t>
    <rPh sb="0" eb="4">
      <t>エビナシ</t>
    </rPh>
    <rPh sb="4" eb="6">
      <t>ナカノ</t>
    </rPh>
    <phoneticPr fontId="3"/>
  </si>
  <si>
    <t>海老名市上今泉６－１４－１</t>
  </si>
  <si>
    <t>海老名市中新田４－１２－１</t>
  </si>
  <si>
    <t>座間市相模が丘５－３０－４</t>
    <rPh sb="0" eb="3">
      <t>ザマシ</t>
    </rPh>
    <rPh sb="3" eb="5">
      <t>サガミ</t>
    </rPh>
    <rPh sb="6" eb="7">
      <t>オカ</t>
    </rPh>
    <phoneticPr fontId="3"/>
  </si>
  <si>
    <t>座間市立野台１－１－４</t>
    <rPh sb="0" eb="6">
      <t>ザマシタツノダイ</t>
    </rPh>
    <phoneticPr fontId="3"/>
  </si>
  <si>
    <t>南足柄市関本４４０</t>
    <rPh sb="0" eb="4">
      <t>ミナミアシガラシ</t>
    </rPh>
    <rPh sb="4" eb="6">
      <t>セキモト</t>
    </rPh>
    <phoneticPr fontId="3"/>
  </si>
  <si>
    <t>綾瀬市綾西２－１１－１４</t>
    <rPh sb="0" eb="3">
      <t>アヤセシ</t>
    </rPh>
    <rPh sb="3" eb="4">
      <t>アヤ</t>
    </rPh>
    <rPh sb="4" eb="5">
      <t>ニシ</t>
    </rPh>
    <phoneticPr fontId="5"/>
  </si>
  <si>
    <t>綾瀬市深谷上４－３－１３</t>
    <rPh sb="0" eb="3">
      <t>アヤセシ</t>
    </rPh>
    <rPh sb="3" eb="5">
      <t>フカヤ</t>
    </rPh>
    <rPh sb="5" eb="6">
      <t>カミ</t>
    </rPh>
    <phoneticPr fontId="5"/>
  </si>
  <si>
    <t>綾瀬市深谷中１－４－３０</t>
    <rPh sb="0" eb="3">
      <t>アヤセシ</t>
    </rPh>
    <rPh sb="3" eb="5">
      <t>フカヤ</t>
    </rPh>
    <rPh sb="5" eb="6">
      <t>チュウ</t>
    </rPh>
    <phoneticPr fontId="5"/>
  </si>
  <si>
    <t>綾瀬市寺尾南１－４－１</t>
  </si>
  <si>
    <t>綾瀬市早川城山３－４－１</t>
  </si>
  <si>
    <t>葉山町一色２０３４</t>
    <rPh sb="0" eb="3">
      <t>ハヤママチ</t>
    </rPh>
    <rPh sb="3" eb="5">
      <t>イッシキ</t>
    </rPh>
    <phoneticPr fontId="3"/>
  </si>
  <si>
    <t>寒川町宮山４００１</t>
    <rPh sb="0" eb="3">
      <t>サムカワマチ</t>
    </rPh>
    <rPh sb="3" eb="5">
      <t>ミヤヤマ</t>
    </rPh>
    <phoneticPr fontId="3"/>
  </si>
  <si>
    <t>寒川町宮山４０１</t>
  </si>
  <si>
    <t>山北町山北１３０１－４</t>
    <rPh sb="0" eb="3">
      <t>ヤマキタマチ</t>
    </rPh>
    <rPh sb="3" eb="5">
      <t>ヤマキタ</t>
    </rPh>
    <phoneticPr fontId="3"/>
  </si>
  <si>
    <t>山北町山北３３１３－４</t>
    <rPh sb="0" eb="3">
      <t>ヤマキタマチ</t>
    </rPh>
    <rPh sb="3" eb="5">
      <t>ヤマキタ</t>
    </rPh>
    <phoneticPr fontId="3"/>
  </si>
  <si>
    <t>湯河原町土肥１－４－１３</t>
    <rPh sb="0" eb="3">
      <t>ユガワラ</t>
    </rPh>
    <rPh sb="3" eb="4">
      <t>マチ</t>
    </rPh>
    <rPh sb="4" eb="6">
      <t>ドイ</t>
    </rPh>
    <phoneticPr fontId="3"/>
  </si>
  <si>
    <t>愛川町中津４０４３</t>
    <rPh sb="0" eb="3">
      <t>アイカワマチ</t>
    </rPh>
    <rPh sb="3" eb="5">
      <t>ナカツ</t>
    </rPh>
    <phoneticPr fontId="3"/>
  </si>
  <si>
    <t>愛川町半原４３４３－３</t>
    <rPh sb="3" eb="5">
      <t>ハンバラ</t>
    </rPh>
    <phoneticPr fontId="3"/>
  </si>
  <si>
    <t>横浜市神奈川区神奈川２－１５－３</t>
    <rPh sb="0" eb="3">
      <t>ヨコハマシ</t>
    </rPh>
    <rPh sb="3" eb="7">
      <t>カナガワク</t>
    </rPh>
    <rPh sb="7" eb="10">
      <t>カナガワ</t>
    </rPh>
    <phoneticPr fontId="3"/>
  </si>
  <si>
    <t>横浜市中区本牧宮原１－１５</t>
    <rPh sb="0" eb="3">
      <t>ヨコハマシ</t>
    </rPh>
    <rPh sb="3" eb="5">
      <t>ナカク</t>
    </rPh>
    <rPh sb="5" eb="7">
      <t>ホンモク</t>
    </rPh>
    <rPh sb="7" eb="9">
      <t>ミヤバラ</t>
    </rPh>
    <phoneticPr fontId="3"/>
  </si>
  <si>
    <t>横浜市磯子区磯子１－３－５</t>
    <rPh sb="0" eb="3">
      <t>ヨコハマシ</t>
    </rPh>
    <rPh sb="3" eb="6">
      <t>イソゴク</t>
    </rPh>
    <rPh sb="6" eb="8">
      <t>イソゴ</t>
    </rPh>
    <phoneticPr fontId="3"/>
  </si>
  <si>
    <t>横浜市磯子区森５－２４－１</t>
  </si>
  <si>
    <t>横浜市旭区中尾１－５－１</t>
  </si>
  <si>
    <t>横浜市栄区上郷町５５５</t>
  </si>
  <si>
    <t>横浜市都筑区川和町２５２</t>
  </si>
  <si>
    <t>川崎市川崎区日進町２５－１</t>
    <rPh sb="0" eb="2">
      <t>カワサキ</t>
    </rPh>
    <rPh sb="2" eb="3">
      <t>シ</t>
    </rPh>
    <rPh sb="3" eb="6">
      <t>カワサキク</t>
    </rPh>
    <rPh sb="6" eb="9">
      <t>ニッシンチョウ</t>
    </rPh>
    <phoneticPr fontId="3"/>
  </si>
  <si>
    <t>川崎市川崎区四谷下町２５－１</t>
  </si>
  <si>
    <t>川崎市幸区南幸町３－１５４－４</t>
    <rPh sb="0" eb="3">
      <t>カワサキシ</t>
    </rPh>
    <rPh sb="3" eb="5">
      <t>サイワイク</t>
    </rPh>
    <rPh sb="5" eb="8">
      <t>ミナミサイワイチョウ</t>
    </rPh>
    <phoneticPr fontId="3"/>
  </si>
  <si>
    <t>川崎市高津区溝口４－５－１</t>
  </si>
  <si>
    <t>相模原市緑区寸沢嵐３４５５－１</t>
    <rPh sb="0" eb="4">
      <t>サガミハラシ</t>
    </rPh>
    <rPh sb="4" eb="6">
      <t>ミドリク</t>
    </rPh>
    <rPh sb="6" eb="7">
      <t>スン</t>
    </rPh>
    <rPh sb="7" eb="8">
      <t>サワ</t>
    </rPh>
    <rPh sb="8" eb="9">
      <t>アラシ</t>
    </rPh>
    <phoneticPr fontId="3"/>
  </si>
  <si>
    <t>相模原市緑区中野２５２－１</t>
    <rPh sb="0" eb="4">
      <t>サガミハラシ</t>
    </rPh>
    <rPh sb="4" eb="6">
      <t>ミドリク</t>
    </rPh>
    <rPh sb="6" eb="8">
      <t>ナカノ</t>
    </rPh>
    <phoneticPr fontId="3"/>
  </si>
  <si>
    <t>相模原市緑区牧野４２２５－１</t>
    <rPh sb="0" eb="4">
      <t>サガミハラシ</t>
    </rPh>
    <rPh sb="4" eb="6">
      <t>ミドリク</t>
    </rPh>
    <rPh sb="6" eb="8">
      <t>マギノ</t>
    </rPh>
    <phoneticPr fontId="3"/>
  </si>
  <si>
    <t>相模原市緑区西橋本５－３－２１</t>
  </si>
  <si>
    <t>相模原市緑区青野原１２５０－１</t>
  </si>
  <si>
    <t>相模原市中央区高根３－１－１５</t>
    <rPh sb="0" eb="4">
      <t>サガミハラシ</t>
    </rPh>
    <rPh sb="4" eb="7">
      <t>チュウオウク</t>
    </rPh>
    <rPh sb="7" eb="9">
      <t>タカネ</t>
    </rPh>
    <phoneticPr fontId="3"/>
  </si>
  <si>
    <t>相模原市中央区矢部新町３－１５</t>
    <rPh sb="0" eb="4">
      <t>サガミハラシ</t>
    </rPh>
    <rPh sb="7" eb="11">
      <t>ヤベシンチョウ</t>
    </rPh>
    <phoneticPr fontId="3"/>
  </si>
  <si>
    <t>相模原市中央区横山５－１１</t>
  </si>
  <si>
    <t>相模原市中央区鹿沼台２－１５</t>
  </si>
  <si>
    <t>相模原市中央区水郷田名１－５－１</t>
  </si>
  <si>
    <t>相模原市中央区中央２－１１－１５</t>
  </si>
  <si>
    <t>相模原市中央区富士見１－２－１５</t>
  </si>
  <si>
    <t>相模原市南区麻溝台１５２４－１</t>
    <rPh sb="0" eb="4">
      <t>サガミハラシ</t>
    </rPh>
    <rPh sb="4" eb="6">
      <t>ミナミク</t>
    </rPh>
    <rPh sb="6" eb="9">
      <t>アサミゾダイ</t>
    </rPh>
    <phoneticPr fontId="3"/>
  </si>
  <si>
    <t>相模原市南区相模大野５－３１－１</t>
    <rPh sb="0" eb="4">
      <t>サガミハラシ</t>
    </rPh>
    <rPh sb="4" eb="6">
      <t>ミナミク</t>
    </rPh>
    <rPh sb="6" eb="10">
      <t>サガミオオノ</t>
    </rPh>
    <phoneticPr fontId="3"/>
  </si>
  <si>
    <t>相模原市南区相模大野５－３４－１</t>
    <rPh sb="0" eb="4">
      <t>サガミハラシ</t>
    </rPh>
    <rPh sb="4" eb="6">
      <t>ミナミク</t>
    </rPh>
    <rPh sb="6" eb="10">
      <t>サガミオオノ</t>
    </rPh>
    <phoneticPr fontId="3"/>
  </si>
  <si>
    <t>相模原市南区相模台１－１３－５</t>
    <rPh sb="0" eb="4">
      <t>サガミハラシ</t>
    </rPh>
    <rPh sb="4" eb="6">
      <t>ミナミク</t>
    </rPh>
    <rPh sb="6" eb="8">
      <t>サガミ</t>
    </rPh>
    <rPh sb="8" eb="9">
      <t>ダイ</t>
    </rPh>
    <phoneticPr fontId="3"/>
  </si>
  <si>
    <t>相模原市南区南台４－１２－５４　市営南台団地４号棟１階</t>
    <rPh sb="0" eb="4">
      <t>サガミハラシ</t>
    </rPh>
    <rPh sb="4" eb="6">
      <t>ミナミク</t>
    </rPh>
    <rPh sb="6" eb="8">
      <t>ミナミダイ</t>
    </rPh>
    <rPh sb="16" eb="18">
      <t>シエイ</t>
    </rPh>
    <rPh sb="18" eb="20">
      <t>ミナミダイ</t>
    </rPh>
    <rPh sb="20" eb="22">
      <t>ダンチ</t>
    </rPh>
    <rPh sb="23" eb="25">
      <t>ゴウトウ</t>
    </rPh>
    <rPh sb="26" eb="27">
      <t>カイ</t>
    </rPh>
    <phoneticPr fontId="3"/>
  </si>
  <si>
    <t>相模原市南区鵜野森１－２５－１</t>
  </si>
  <si>
    <t>横須賀市武３－３５－１</t>
    <rPh sb="0" eb="4">
      <t>ヨコスカシ</t>
    </rPh>
    <rPh sb="4" eb="5">
      <t>タケ</t>
    </rPh>
    <phoneticPr fontId="3"/>
  </si>
  <si>
    <t>横須賀市船越町５－３１</t>
    <rPh sb="0" eb="4">
      <t>ヨコスカシ</t>
    </rPh>
    <rPh sb="4" eb="7">
      <t>フナコシチョウ</t>
    </rPh>
    <phoneticPr fontId="3"/>
  </si>
  <si>
    <t>平塚市久領堤５－１</t>
  </si>
  <si>
    <t>平塚市大原１－１５</t>
  </si>
  <si>
    <t>平塚市大神３－１５－１</t>
  </si>
  <si>
    <t>平塚市田村３－１２－５</t>
  </si>
  <si>
    <t>平塚市撫子原１２－５４</t>
  </si>
  <si>
    <t>鎌倉市扇ガ谷１－５－１</t>
    <rPh sb="0" eb="3">
      <t>カマクラシ</t>
    </rPh>
    <rPh sb="3" eb="4">
      <t>オウギ</t>
    </rPh>
    <rPh sb="5" eb="6">
      <t>タニ</t>
    </rPh>
    <phoneticPr fontId="3"/>
  </si>
  <si>
    <t>鎌倉市御成町２０－３５</t>
    <rPh sb="0" eb="3">
      <t>カマクラシ</t>
    </rPh>
    <rPh sb="3" eb="6">
      <t>オナリマチ</t>
    </rPh>
    <phoneticPr fontId="3"/>
  </si>
  <si>
    <t>鎌倉市小町１－１０－５</t>
    <rPh sb="0" eb="3">
      <t>カマクラシ</t>
    </rPh>
    <rPh sb="3" eb="5">
      <t>コマチ</t>
    </rPh>
    <phoneticPr fontId="3"/>
  </si>
  <si>
    <t>藤沢市円行２－５－１</t>
    <rPh sb="0" eb="3">
      <t>フジサワシ</t>
    </rPh>
    <rPh sb="3" eb="5">
      <t>エンギョウ</t>
    </rPh>
    <phoneticPr fontId="3"/>
  </si>
  <si>
    <t>藤沢市長後５１３</t>
    <rPh sb="0" eb="3">
      <t>フジサワシ</t>
    </rPh>
    <rPh sb="3" eb="5">
      <t>チョウゴ</t>
    </rPh>
    <phoneticPr fontId="3"/>
  </si>
  <si>
    <t>藤沢市辻堂太平台２－１３－３５</t>
    <rPh sb="0" eb="3">
      <t>フジサワシ</t>
    </rPh>
    <rPh sb="3" eb="8">
      <t>ツジドウタイヘイダイ</t>
    </rPh>
    <phoneticPr fontId="3"/>
  </si>
  <si>
    <t>藤沢市大鋸１２５１</t>
  </si>
  <si>
    <t>藤沢市大鋸１４５０</t>
  </si>
  <si>
    <t>小田原市荻窪３５０－１</t>
    <rPh sb="0" eb="4">
      <t>オダワラシ</t>
    </rPh>
    <rPh sb="4" eb="6">
      <t>オギクボ</t>
    </rPh>
    <phoneticPr fontId="3"/>
  </si>
  <si>
    <t>小田原市酒匂２－３２－１５</t>
    <rPh sb="0" eb="4">
      <t>オダワラシ</t>
    </rPh>
    <rPh sb="4" eb="6">
      <t>サカワ</t>
    </rPh>
    <phoneticPr fontId="3"/>
  </si>
  <si>
    <t>茅ヶ崎市本村４－５－２２</t>
    <rPh sb="0" eb="6">
      <t>チガサキシホンソン</t>
    </rPh>
    <phoneticPr fontId="3"/>
  </si>
  <si>
    <t>茅ヶ崎市下寺尾５１５</t>
  </si>
  <si>
    <t>逗子市桜山５－２４－１</t>
  </si>
  <si>
    <t>三浦市初声町下宮田５－２</t>
    <rPh sb="0" eb="3">
      <t>ミウラシ</t>
    </rPh>
    <rPh sb="3" eb="9">
      <t>ハッセマチシモミヤダ</t>
    </rPh>
    <phoneticPr fontId="3"/>
  </si>
  <si>
    <t>秦野市落合５００</t>
    <rPh sb="0" eb="3">
      <t>ハダノシ</t>
    </rPh>
    <rPh sb="3" eb="5">
      <t>オチアイ</t>
    </rPh>
    <phoneticPr fontId="3"/>
  </si>
  <si>
    <t>秦野市新町５－５</t>
    <rPh sb="0" eb="3">
      <t>ハダノシ</t>
    </rPh>
    <rPh sb="3" eb="5">
      <t>シンチョウ</t>
    </rPh>
    <phoneticPr fontId="3"/>
  </si>
  <si>
    <t>秦野市曽屋４５５３－１</t>
    <rPh sb="0" eb="3">
      <t>ハダノシ</t>
    </rPh>
    <rPh sb="3" eb="5">
      <t>ソヤ</t>
    </rPh>
    <phoneticPr fontId="2"/>
  </si>
  <si>
    <t>秦野市菩提３５４－３</t>
    <rPh sb="0" eb="3">
      <t>ハダノシ</t>
    </rPh>
    <rPh sb="3" eb="5">
      <t>ボダイ</t>
    </rPh>
    <phoneticPr fontId="3"/>
  </si>
  <si>
    <t>秦野市柳町２－５－２</t>
    <rPh sb="0" eb="3">
      <t>ハダノシ</t>
    </rPh>
    <rPh sb="3" eb="5">
      <t>ヤナギチョウ</t>
    </rPh>
    <phoneticPr fontId="3"/>
  </si>
  <si>
    <t>大和市中央５－１５－４</t>
    <rPh sb="0" eb="3">
      <t>ヤマトシ</t>
    </rPh>
    <rPh sb="3" eb="5">
      <t>チュウオウ</t>
    </rPh>
    <phoneticPr fontId="3"/>
  </si>
  <si>
    <t>伊勢原市桜台４－５－２０</t>
    <rPh sb="0" eb="3">
      <t>イセハラ</t>
    </rPh>
    <phoneticPr fontId="3"/>
  </si>
  <si>
    <t>伊勢原市伊勢原１－２４－１５</t>
  </si>
  <si>
    <t>海老名市さつき町５１－２</t>
    <rPh sb="0" eb="4">
      <t>エビナシ</t>
    </rPh>
    <rPh sb="7" eb="8">
      <t>チョウ</t>
    </rPh>
    <phoneticPr fontId="3"/>
  </si>
  <si>
    <t>海老名市杉久保北５－１－１</t>
    <rPh sb="0" eb="4">
      <t>エビナシ</t>
    </rPh>
    <rPh sb="4" eb="7">
      <t>スギクボ</t>
    </rPh>
    <rPh sb="7" eb="8">
      <t>キタ</t>
    </rPh>
    <phoneticPr fontId="3"/>
  </si>
  <si>
    <t>海老名市中央１－５－１</t>
    <rPh sb="0" eb="4">
      <t>エビナシ</t>
    </rPh>
    <rPh sb="4" eb="6">
      <t>チュウオウ</t>
    </rPh>
    <phoneticPr fontId="3"/>
  </si>
  <si>
    <t>海老名市中新田４－５－１</t>
    <rPh sb="0" eb="4">
      <t>エビナシ</t>
    </rPh>
    <rPh sb="4" eb="7">
      <t>ナカシンデン</t>
    </rPh>
    <phoneticPr fontId="3"/>
  </si>
  <si>
    <t>海老名市上今泉１－５－３２</t>
    <rPh sb="4" eb="7">
      <t>カミイマイズミ</t>
    </rPh>
    <phoneticPr fontId="3"/>
  </si>
  <si>
    <t>座間市入谷西５－５０－２３</t>
    <rPh sb="0" eb="2">
      <t>ザマ</t>
    </rPh>
    <rPh sb="2" eb="3">
      <t>シ</t>
    </rPh>
    <rPh sb="3" eb="5">
      <t>イリヤ</t>
    </rPh>
    <rPh sb="5" eb="6">
      <t>ニシ</t>
    </rPh>
    <phoneticPr fontId="3"/>
  </si>
  <si>
    <t>座間市栗原２５４４－２</t>
    <rPh sb="0" eb="3">
      <t>ザマシ</t>
    </rPh>
    <rPh sb="3" eb="5">
      <t>クリハラ</t>
    </rPh>
    <phoneticPr fontId="3"/>
  </si>
  <si>
    <t>南足柄市関本４１５－１</t>
    <rPh sb="0" eb="4">
      <t>ミ</t>
    </rPh>
    <rPh sb="4" eb="6">
      <t>セキモト</t>
    </rPh>
    <phoneticPr fontId="3"/>
  </si>
  <si>
    <t>南足柄市広町１５４４</t>
    <rPh sb="0" eb="4">
      <t>ミ</t>
    </rPh>
    <rPh sb="4" eb="6">
      <t>ヒロマチ</t>
    </rPh>
    <phoneticPr fontId="3"/>
  </si>
  <si>
    <t>綾瀬市寺尾北１－５－１２</t>
    <rPh sb="0" eb="3">
      <t>アヤセシ</t>
    </rPh>
    <rPh sb="3" eb="5">
      <t>テラオ</t>
    </rPh>
    <rPh sb="5" eb="6">
      <t>キタ</t>
    </rPh>
    <phoneticPr fontId="5"/>
  </si>
  <si>
    <t>綾瀬市寺尾台１－１２－１５</t>
    <rPh sb="0" eb="3">
      <t>アヤセシ</t>
    </rPh>
    <rPh sb="3" eb="5">
      <t>テラオ</t>
    </rPh>
    <rPh sb="5" eb="6">
      <t>ダイ</t>
    </rPh>
    <phoneticPr fontId="5"/>
  </si>
  <si>
    <t>綾瀬市早川５５０</t>
    <rPh sb="0" eb="3">
      <t>アヤセシ</t>
    </rPh>
    <rPh sb="3" eb="5">
      <t>ハヤカワ</t>
    </rPh>
    <phoneticPr fontId="5"/>
  </si>
  <si>
    <t>綾瀬市深谷上２－１５－３２</t>
    <rPh sb="0" eb="3">
      <t>アヤセシ</t>
    </rPh>
    <rPh sb="3" eb="5">
      <t>フカヤ</t>
    </rPh>
    <rPh sb="5" eb="6">
      <t>カミ</t>
    </rPh>
    <phoneticPr fontId="5"/>
  </si>
  <si>
    <t>綾瀬市吉岡３４２５－５</t>
    <rPh sb="0" eb="3">
      <t>アヤセシ</t>
    </rPh>
    <rPh sb="3" eb="5">
      <t>ヨシオカ</t>
    </rPh>
    <phoneticPr fontId="5"/>
  </si>
  <si>
    <t>綾瀬市上土棚南１－５－１０</t>
  </si>
  <si>
    <t>綾瀬市深谷上４－５２３４</t>
  </si>
  <si>
    <t>綾瀬市本蓼川３４５</t>
  </si>
  <si>
    <t>葉山町一色１５０３－２</t>
  </si>
  <si>
    <t>葉山町堀内２０５０－１０</t>
  </si>
  <si>
    <t>葉山町堀内２１３５</t>
  </si>
  <si>
    <t>寒川町宮山１３５－１</t>
    <rPh sb="0" eb="3">
      <t>サムカワマチ</t>
    </rPh>
    <rPh sb="3" eb="5">
      <t>ミヤヤマ</t>
    </rPh>
    <phoneticPr fontId="3"/>
  </si>
  <si>
    <t>二宮町山西５－１</t>
    <rPh sb="0" eb="3">
      <t>ニノミヤマチ</t>
    </rPh>
    <rPh sb="3" eb="5">
      <t>ヤマニシ</t>
    </rPh>
    <phoneticPr fontId="3"/>
  </si>
  <si>
    <t>大井町山田５０２</t>
    <rPh sb="0" eb="3">
      <t>オオイマチ</t>
    </rPh>
    <rPh sb="3" eb="5">
      <t>ヤマダ</t>
    </rPh>
    <phoneticPr fontId="3"/>
  </si>
  <si>
    <t>箱根町小涌谷５２０</t>
    <rPh sb="0" eb="3">
      <t>ハコネマチ</t>
    </rPh>
    <rPh sb="3" eb="6">
      <t>コワクダニ</t>
    </rPh>
    <phoneticPr fontId="3"/>
  </si>
  <si>
    <t>愛川町角田２５０－１</t>
    <rPh sb="0" eb="3">
      <t>アイカワマチ</t>
    </rPh>
    <rPh sb="3" eb="5">
      <t>スミダ</t>
    </rPh>
    <phoneticPr fontId="3"/>
  </si>
  <si>
    <t>愛川町角田２５１－１</t>
    <rPh sb="0" eb="2">
      <t>アイカワ</t>
    </rPh>
    <rPh sb="2" eb="3">
      <t>マチ</t>
    </rPh>
    <rPh sb="3" eb="5">
      <t>スミダ</t>
    </rPh>
    <phoneticPr fontId="3"/>
  </si>
  <si>
    <t>横浜市鶴見区下末吉６－２－１</t>
  </si>
  <si>
    <t>横浜市神奈川区三枚町３６４－１</t>
  </si>
  <si>
    <t>横浜市西区戸部本町５０－６</t>
    <rPh sb="0" eb="3">
      <t>ヨコハマシ</t>
    </rPh>
    <rPh sb="3" eb="5">
      <t>ニシク</t>
    </rPh>
    <rPh sb="5" eb="9">
      <t>トベホンチョウ</t>
    </rPh>
    <phoneticPr fontId="3"/>
  </si>
  <si>
    <t>横浜市中区南仲通５－６０</t>
  </si>
  <si>
    <t>横浜市金沢区富岡東２－６－１</t>
    <rPh sb="0" eb="3">
      <t>ヨコハマシ</t>
    </rPh>
    <rPh sb="3" eb="6">
      <t>カナザワク</t>
    </rPh>
    <rPh sb="6" eb="8">
      <t>トミオカ</t>
    </rPh>
    <rPh sb="8" eb="9">
      <t>ヒガシ</t>
    </rPh>
    <phoneticPr fontId="3"/>
  </si>
  <si>
    <t>横浜市金沢区富岡東６－３４－１</t>
  </si>
  <si>
    <t>横浜市戸塚区南舞岡３－３６－１</t>
  </si>
  <si>
    <t>横浜市港南区日野中央２－２６－１</t>
  </si>
  <si>
    <t>横浜市緑区中山４－３６－１３</t>
    <rPh sb="0" eb="3">
      <t>ヨコハマシ</t>
    </rPh>
    <rPh sb="3" eb="5">
      <t>ミドリク</t>
    </rPh>
    <rPh sb="5" eb="7">
      <t>ナカヤマ</t>
    </rPh>
    <phoneticPr fontId="3"/>
  </si>
  <si>
    <t>横浜市泉区和泉町２５６３</t>
  </si>
  <si>
    <t>横浜市青葉区元石川町４１１６</t>
  </si>
  <si>
    <t>横浜市都筑区川和町２２２６－１</t>
  </si>
  <si>
    <t>川崎市川崎区渡田山王町２２－６</t>
  </si>
  <si>
    <t>川崎市高津区向ヶ丘１６</t>
  </si>
  <si>
    <t>相模原市緑区久保沢２－２６－２</t>
    <rPh sb="0" eb="4">
      <t>サガミハラシ</t>
    </rPh>
    <rPh sb="4" eb="6">
      <t>ミドリク</t>
    </rPh>
    <rPh sb="6" eb="9">
      <t>クボサワ</t>
    </rPh>
    <phoneticPr fontId="3"/>
  </si>
  <si>
    <t>相模原市緑区谷ヶ原２－６－１</t>
    <rPh sb="0" eb="4">
      <t>サガミハラシ</t>
    </rPh>
    <rPh sb="4" eb="6">
      <t>ミドリク</t>
    </rPh>
    <rPh sb="6" eb="9">
      <t>タニガハラ</t>
    </rPh>
    <phoneticPr fontId="3"/>
  </si>
  <si>
    <t>相模原市緑区橋本４－１６－６</t>
    <rPh sb="0" eb="4">
      <t>サガミハラシ</t>
    </rPh>
    <rPh sb="4" eb="6">
      <t>ミドリク</t>
    </rPh>
    <rPh sb="6" eb="8">
      <t>ハシモト</t>
    </rPh>
    <phoneticPr fontId="3"/>
  </si>
  <si>
    <t>相模原市緑区橋本６－２－４</t>
    <rPh sb="0" eb="4">
      <t>サガミハラシ</t>
    </rPh>
    <rPh sb="4" eb="6">
      <t>ミドリク</t>
    </rPh>
    <rPh sb="6" eb="8">
      <t>ハシモト</t>
    </rPh>
    <phoneticPr fontId="3"/>
  </si>
  <si>
    <t>相模原市緑区中野６３３</t>
    <rPh sb="0" eb="3">
      <t>サガミハラ</t>
    </rPh>
    <phoneticPr fontId="3"/>
  </si>
  <si>
    <t>相模原市緑区城山１－２６－１</t>
  </si>
  <si>
    <t>相模原市緑区鳥屋１０６４</t>
  </si>
  <si>
    <t>相模原市中央区富士見６－１－２０</t>
    <rPh sb="0" eb="4">
      <t>サガミハラシ</t>
    </rPh>
    <rPh sb="4" eb="7">
      <t>チュウオウク</t>
    </rPh>
    <rPh sb="7" eb="10">
      <t>フジミ</t>
    </rPh>
    <phoneticPr fontId="3"/>
  </si>
  <si>
    <t>相模原市中央区高根１－５－３６</t>
  </si>
  <si>
    <t>相模原市中央区上溝６－５－１</t>
  </si>
  <si>
    <t>相模原市中央区富士見６－１－１</t>
  </si>
  <si>
    <t>相模原市南区古淵５－２６－１</t>
    <rPh sb="0" eb="4">
      <t>サガミハラシ</t>
    </rPh>
    <rPh sb="4" eb="6">
      <t>ミナミク</t>
    </rPh>
    <rPh sb="6" eb="8">
      <t>コブチ</t>
    </rPh>
    <phoneticPr fontId="3"/>
  </si>
  <si>
    <t>横須賀市上町１－６１</t>
    <rPh sb="0" eb="4">
      <t>ヨコスカシ</t>
    </rPh>
    <rPh sb="4" eb="6">
      <t>ウエマチ</t>
    </rPh>
    <phoneticPr fontId="3"/>
  </si>
  <si>
    <t>横須賀市公郷町１－５６－５</t>
    <rPh sb="0" eb="4">
      <t>ヨコスカシ</t>
    </rPh>
    <rPh sb="4" eb="7">
      <t>クゴウチョウ</t>
    </rPh>
    <phoneticPr fontId="3"/>
  </si>
  <si>
    <t>横須賀市久里浜６－１４－３</t>
    <rPh sb="0" eb="4">
      <t>ヨコスカシ</t>
    </rPh>
    <rPh sb="4" eb="7">
      <t>クリハマ</t>
    </rPh>
    <phoneticPr fontId="3"/>
  </si>
  <si>
    <t>横須賀市岩戸５－６－５</t>
  </si>
  <si>
    <t>平塚市中原３－１－６</t>
    <rPh sb="0" eb="3">
      <t>ヒラツカシ</t>
    </rPh>
    <rPh sb="3" eb="5">
      <t>ナカハラ</t>
    </rPh>
    <phoneticPr fontId="3"/>
  </si>
  <si>
    <t xml:space="preserve">平塚市山下２－１６－１ </t>
    <rPh sb="0" eb="2">
      <t>ヒラツカ</t>
    </rPh>
    <rPh sb="1" eb="2">
      <t>ツカ</t>
    </rPh>
    <phoneticPr fontId="3"/>
  </si>
  <si>
    <t>平塚市岡崎３６３４</t>
  </si>
  <si>
    <t>平塚市見附町１６－１</t>
  </si>
  <si>
    <t>平塚市中堂２４６－１</t>
  </si>
  <si>
    <t>鎌倉市大船２－１－２６</t>
    <rPh sb="0" eb="3">
      <t>カマクラシ</t>
    </rPh>
    <rPh sb="3" eb="5">
      <t>オオフナ</t>
    </rPh>
    <phoneticPr fontId="3"/>
  </si>
  <si>
    <t>鎌倉市岡本２－１６－３</t>
    <rPh sb="0" eb="3">
      <t>カマクラシ</t>
    </rPh>
    <rPh sb="3" eb="5">
      <t>オカモト</t>
    </rPh>
    <phoneticPr fontId="3"/>
  </si>
  <si>
    <t>鎌倉市山崎６１６－６</t>
    <rPh sb="0" eb="2">
      <t>カマクラ</t>
    </rPh>
    <rPh sb="2" eb="3">
      <t>シ</t>
    </rPh>
    <rPh sb="3" eb="5">
      <t>ヤマザキ</t>
    </rPh>
    <phoneticPr fontId="3"/>
  </si>
  <si>
    <t>鎌倉市由比ガ浜２－１１－２６</t>
    <rPh sb="2" eb="3">
      <t>シ</t>
    </rPh>
    <rPh sb="3" eb="5">
      <t>ユイ</t>
    </rPh>
    <rPh sb="6" eb="7">
      <t>ハマ</t>
    </rPh>
    <phoneticPr fontId="3"/>
  </si>
  <si>
    <t>鎌倉市関谷５６６</t>
  </si>
  <si>
    <t>鎌倉市手広６－４－１</t>
  </si>
  <si>
    <t>鎌倉市大船６－１－２</t>
  </si>
  <si>
    <t>藤沢市藤沢２－６－１</t>
    <rPh sb="0" eb="3">
      <t>フジサワシ</t>
    </rPh>
    <rPh sb="3" eb="5">
      <t>フジサワ</t>
    </rPh>
    <phoneticPr fontId="3"/>
  </si>
  <si>
    <t>藤沢市鵠沼海岸６－１２－１</t>
  </si>
  <si>
    <t>藤沢市天神町２－６－１</t>
  </si>
  <si>
    <t>小田原市久野４６</t>
    <rPh sb="0" eb="4">
      <t>オダワラシ</t>
    </rPh>
    <rPh sb="4" eb="6">
      <t>クノ</t>
    </rPh>
    <phoneticPr fontId="3"/>
  </si>
  <si>
    <t>小田原市久野６２１</t>
    <rPh sb="0" eb="4">
      <t>オダワラシ</t>
    </rPh>
    <rPh sb="4" eb="6">
      <t>クノ</t>
    </rPh>
    <phoneticPr fontId="3"/>
  </si>
  <si>
    <t>小田原市酒匂２－３２－１６</t>
    <rPh sb="0" eb="6">
      <t>オダワラシサカワ</t>
    </rPh>
    <phoneticPr fontId="3"/>
  </si>
  <si>
    <t>小田原市城山３－２６－１</t>
  </si>
  <si>
    <t>小田原市西酒匂１‐１‐２６</t>
  </si>
  <si>
    <t>茅ヶ崎市茅ヶ崎３－４－１６</t>
    <rPh sb="0" eb="4">
      <t>チガサキシ</t>
    </rPh>
    <rPh sb="4" eb="7">
      <t>チガサキ</t>
    </rPh>
    <phoneticPr fontId="3"/>
  </si>
  <si>
    <t>秦野市末広町６－５３</t>
    <rPh sb="0" eb="3">
      <t>ハダノシ</t>
    </rPh>
    <rPh sb="3" eb="6">
      <t>スエヒロチョウ</t>
    </rPh>
    <phoneticPr fontId="3"/>
  </si>
  <si>
    <t>秦野市菩提２０４６－５</t>
    <rPh sb="0" eb="3">
      <t>ハダノシ</t>
    </rPh>
    <rPh sb="3" eb="5">
      <t>ボダイ</t>
    </rPh>
    <phoneticPr fontId="3"/>
  </si>
  <si>
    <t>秦野市緑町１６－３</t>
    <rPh sb="0" eb="5">
      <t>ハダノシミドリチョウ</t>
    </rPh>
    <phoneticPr fontId="2"/>
  </si>
  <si>
    <t>秦野市南矢名３－１６－２２</t>
    <rPh sb="0" eb="2">
      <t>ハダノ</t>
    </rPh>
    <rPh sb="2" eb="3">
      <t>シ</t>
    </rPh>
    <rPh sb="3" eb="4">
      <t>ミナミ</t>
    </rPh>
    <rPh sb="4" eb="5">
      <t>ヤ</t>
    </rPh>
    <rPh sb="5" eb="6">
      <t>ナ</t>
    </rPh>
    <phoneticPr fontId="3"/>
  </si>
  <si>
    <t>秦野市曽屋３６１３－１</t>
  </si>
  <si>
    <t>伊勢原市石田１３５６－１</t>
  </si>
  <si>
    <t>海老名市本郷４６２６－１</t>
    <rPh sb="0" eb="4">
      <t>エビナシ</t>
    </rPh>
    <rPh sb="4" eb="6">
      <t>ホンゴウ</t>
    </rPh>
    <phoneticPr fontId="3"/>
  </si>
  <si>
    <t>海老名市めぐみ町６－３</t>
    <rPh sb="0" eb="4">
      <t>エビナシ</t>
    </rPh>
    <phoneticPr fontId="3"/>
  </si>
  <si>
    <t>海老名市中新田２－１６－１４</t>
    <rPh sb="4" eb="7">
      <t>ナカシンデン</t>
    </rPh>
    <phoneticPr fontId="3"/>
  </si>
  <si>
    <t>海老名市めぐみ町６－１</t>
    <rPh sb="7" eb="8">
      <t>マチ</t>
    </rPh>
    <phoneticPr fontId="3"/>
  </si>
  <si>
    <t>海老名市国分南１－６－３６</t>
  </si>
  <si>
    <t>座間市東原２－１６－１０</t>
    <rPh sb="0" eb="3">
      <t>ザマシ</t>
    </rPh>
    <rPh sb="3" eb="5">
      <t>ヒガシハラ</t>
    </rPh>
    <phoneticPr fontId="3"/>
  </si>
  <si>
    <t>綾瀬市大上６－１４－５</t>
    <rPh sb="0" eb="3">
      <t>アヤセシ</t>
    </rPh>
    <rPh sb="3" eb="5">
      <t>オオガミ</t>
    </rPh>
    <phoneticPr fontId="5"/>
  </si>
  <si>
    <t>綾瀬市落合南６－１－４６</t>
    <rPh sb="0" eb="3">
      <t>アヤセシ</t>
    </rPh>
    <rPh sb="3" eb="5">
      <t>オチアイ</t>
    </rPh>
    <rPh sb="5" eb="6">
      <t>ミナミ</t>
    </rPh>
    <phoneticPr fontId="5"/>
  </si>
  <si>
    <t>綾瀬市寺尾南２－３－１６</t>
    <rPh sb="0" eb="3">
      <t>アヤセシ</t>
    </rPh>
    <rPh sb="3" eb="5">
      <t>テラオ</t>
    </rPh>
    <rPh sb="5" eb="6">
      <t>ミナミ</t>
    </rPh>
    <phoneticPr fontId="5"/>
  </si>
  <si>
    <t>綾瀬市深谷上３－６－１</t>
    <rPh sb="0" eb="3">
      <t>アヤセシ</t>
    </rPh>
    <rPh sb="3" eb="5">
      <t>フカヤ</t>
    </rPh>
    <rPh sb="5" eb="6">
      <t>ウエ</t>
    </rPh>
    <phoneticPr fontId="5"/>
  </si>
  <si>
    <t>綾瀬市吉岡１６４３－１</t>
    <rPh sb="0" eb="3">
      <t>アヤセシ</t>
    </rPh>
    <rPh sb="3" eb="5">
      <t>ヨシオカ</t>
    </rPh>
    <phoneticPr fontId="5"/>
  </si>
  <si>
    <t>綾瀬市吉岡２３１６</t>
  </si>
  <si>
    <t>綾瀬市寺尾台３－６－２５</t>
  </si>
  <si>
    <t>綾瀬市深谷中５－１６－４３</t>
  </si>
  <si>
    <t>寒川町宮山１６５</t>
    <rPh sb="0" eb="3">
      <t>サムカワマチ</t>
    </rPh>
    <rPh sb="3" eb="5">
      <t>ミヤヤマ</t>
    </rPh>
    <phoneticPr fontId="3"/>
  </si>
  <si>
    <t>箱根町宮城野６２６－１１</t>
    <rPh sb="0" eb="2">
      <t>ハコネ</t>
    </rPh>
    <rPh sb="2" eb="3">
      <t>マチ</t>
    </rPh>
    <rPh sb="3" eb="6">
      <t>ミヤギノ</t>
    </rPh>
    <phoneticPr fontId="3"/>
  </si>
  <si>
    <t>箱根町元箱根１６４－１</t>
    <rPh sb="0" eb="6">
      <t>ハコネマチモトハコネ</t>
    </rPh>
    <phoneticPr fontId="3"/>
  </si>
  <si>
    <t>箱根町元箱根旧札場１６４</t>
    <rPh sb="0" eb="3">
      <t>ハコネマチ</t>
    </rPh>
    <rPh sb="3" eb="6">
      <t>モトハコネ</t>
    </rPh>
    <rPh sb="6" eb="7">
      <t>キュウ</t>
    </rPh>
    <rPh sb="7" eb="9">
      <t>フダバ</t>
    </rPh>
    <phoneticPr fontId="3"/>
  </si>
  <si>
    <t>箱根町湯本２５６</t>
    <rPh sb="0" eb="3">
      <t>ハコネマチ</t>
    </rPh>
    <rPh sb="3" eb="5">
      <t>ユモト</t>
    </rPh>
    <phoneticPr fontId="3"/>
  </si>
  <si>
    <t>箱根町湯本２６３－３</t>
    <rPh sb="0" eb="5">
      <t>ハコネマチユモト</t>
    </rPh>
    <phoneticPr fontId="3"/>
  </si>
  <si>
    <t>湯河原町宮上６２３－１</t>
    <rPh sb="0" eb="3">
      <t>ユガワラ</t>
    </rPh>
    <rPh sb="3" eb="4">
      <t>マチ</t>
    </rPh>
    <rPh sb="4" eb="6">
      <t>ミヤカミ</t>
    </rPh>
    <phoneticPr fontId="3"/>
  </si>
  <si>
    <t>湯河原町宮上５６５－６</t>
  </si>
  <si>
    <t>清川村煤ケ谷２２１６</t>
    <rPh sb="0" eb="3">
      <t>キヨカワムラ</t>
    </rPh>
    <rPh sb="3" eb="6">
      <t>ススガヤ</t>
    </rPh>
    <phoneticPr fontId="3"/>
  </si>
  <si>
    <t>横浜市中区本牧緑ヶ丘３７</t>
  </si>
  <si>
    <t>横浜市保土ケ谷区川辺町２－７</t>
    <rPh sb="0" eb="2">
      <t>ヨコハマ</t>
    </rPh>
    <rPh sb="2" eb="3">
      <t>シ</t>
    </rPh>
    <rPh sb="3" eb="8">
      <t>ホドガヤク</t>
    </rPh>
    <rPh sb="8" eb="11">
      <t>カワベチョウ</t>
    </rPh>
    <phoneticPr fontId="3"/>
  </si>
  <si>
    <t>横浜市保土ヶ谷区権太坂１－７－１</t>
  </si>
  <si>
    <t>横浜市保土ケ谷区今井町７４３</t>
  </si>
  <si>
    <t>横浜市保土ケ谷区川島町１５５７</t>
  </si>
  <si>
    <t>横浜市港北区岸根町３７０</t>
  </si>
  <si>
    <t>横浜市港北区岸根町７２５</t>
  </si>
  <si>
    <t>横浜市港北区大倉山７－３５－１</t>
  </si>
  <si>
    <t>横浜市旭区下川井町２２４７</t>
    <rPh sb="0" eb="3">
      <t>ヨコハマシ</t>
    </rPh>
    <rPh sb="3" eb="5">
      <t>アサヒク</t>
    </rPh>
    <rPh sb="5" eb="9">
      <t>シモカワイチョウ</t>
    </rPh>
    <phoneticPr fontId="3"/>
  </si>
  <si>
    <t>横浜市緑区三保町２０７６</t>
    <rPh sb="0" eb="3">
      <t>ヨコハマシ</t>
    </rPh>
    <rPh sb="3" eb="5">
      <t>ミドリク</t>
    </rPh>
    <rPh sb="5" eb="6">
      <t>サン</t>
    </rPh>
    <rPh sb="6" eb="7">
      <t>ホ</t>
    </rPh>
    <rPh sb="7" eb="8">
      <t>マチ</t>
    </rPh>
    <phoneticPr fontId="3"/>
  </si>
  <si>
    <t>横浜市緑区白山４‐７１‐１</t>
  </si>
  <si>
    <t>横浜市泉区岡津町２６６７</t>
  </si>
  <si>
    <t>横浜市泉区和泉町７７１３</t>
  </si>
  <si>
    <t>横浜市青葉区市ケ尾町２７－５</t>
  </si>
  <si>
    <t>川崎市川崎区池上新町２－１７－１４</t>
    <rPh sb="0" eb="2">
      <t>カワサキ</t>
    </rPh>
    <rPh sb="2" eb="3">
      <t>シ</t>
    </rPh>
    <rPh sb="3" eb="6">
      <t>カワサキク</t>
    </rPh>
    <rPh sb="6" eb="8">
      <t>イケガミ</t>
    </rPh>
    <rPh sb="8" eb="10">
      <t>シンマチ</t>
    </rPh>
    <phoneticPr fontId="3"/>
  </si>
  <si>
    <t>川崎市中原区上平間１７００－７</t>
  </si>
  <si>
    <t>川崎市多摩区長沢３－１７－１</t>
  </si>
  <si>
    <t>相模原市緑区大島１７７６－５</t>
    <rPh sb="0" eb="4">
      <t>サガミハラシ</t>
    </rPh>
    <rPh sb="4" eb="6">
      <t>ミドリク</t>
    </rPh>
    <rPh sb="6" eb="8">
      <t>オオシマ</t>
    </rPh>
    <phoneticPr fontId="3"/>
  </si>
  <si>
    <t>相模原市緑区小原７１１－２</t>
    <rPh sb="0" eb="6">
      <t>サガミハラシミドリク</t>
    </rPh>
    <rPh sb="6" eb="8">
      <t>オバラ</t>
    </rPh>
    <phoneticPr fontId="3"/>
  </si>
  <si>
    <t>相模原市緑区下九沢２０７１－１</t>
    <rPh sb="0" eb="4">
      <t>サガミハラシ</t>
    </rPh>
    <rPh sb="4" eb="6">
      <t>ミドリク</t>
    </rPh>
    <rPh sb="6" eb="9">
      <t>シモクザワ</t>
    </rPh>
    <phoneticPr fontId="3"/>
  </si>
  <si>
    <t>相模原市緑区谷ケ原２－７－１７</t>
    <rPh sb="0" eb="4">
      <t>サガミハラシ</t>
    </rPh>
    <rPh sb="4" eb="6">
      <t>ミドリク</t>
    </rPh>
    <rPh sb="6" eb="9">
      <t>タニガハラ</t>
    </rPh>
    <phoneticPr fontId="3"/>
  </si>
  <si>
    <t>相模原市緑区千木良４７６</t>
    <rPh sb="0" eb="4">
      <t>サガミハラシ</t>
    </rPh>
    <rPh sb="4" eb="6">
      <t>ミドリク</t>
    </rPh>
    <rPh sb="6" eb="9">
      <t>チギラ</t>
    </rPh>
    <phoneticPr fontId="3"/>
  </si>
  <si>
    <t>相模原市緑区若柳１２０７</t>
    <rPh sb="0" eb="4">
      <t>サガミハラシ</t>
    </rPh>
    <rPh sb="4" eb="6">
      <t>ミドリク</t>
    </rPh>
    <rPh sb="6" eb="8">
      <t>ワカヤナギ</t>
    </rPh>
    <phoneticPr fontId="3"/>
  </si>
  <si>
    <t>相模原市緑区若柳１２０７－４</t>
    <rPh sb="0" eb="4">
      <t>サガミハラシ</t>
    </rPh>
    <rPh sb="4" eb="6">
      <t>ミ</t>
    </rPh>
    <rPh sb="6" eb="8">
      <t>ワカヤナギ</t>
    </rPh>
    <phoneticPr fontId="3"/>
  </si>
  <si>
    <t>相模原市緑区青根１３７２－１</t>
  </si>
  <si>
    <t>相模原市緑区鳥居１６７４</t>
  </si>
  <si>
    <t>相模原市中央区淵野辺２－７－２</t>
    <rPh sb="0" eb="4">
      <t>サガミハラシ</t>
    </rPh>
    <rPh sb="4" eb="7">
      <t>チュウオウク</t>
    </rPh>
    <rPh sb="7" eb="10">
      <t>フチノベ</t>
    </rPh>
    <phoneticPr fontId="3"/>
  </si>
  <si>
    <t>相模原市南区新戸４７０－１３、１４</t>
    <rPh sb="0" eb="4">
      <t>サガミハラシ</t>
    </rPh>
    <rPh sb="4" eb="6">
      <t>ミナミク</t>
    </rPh>
    <rPh sb="6" eb="8">
      <t>シンド</t>
    </rPh>
    <phoneticPr fontId="3"/>
  </si>
  <si>
    <t>相模原市南区東林間１－２２－１７</t>
    <rPh sb="0" eb="4">
      <t>サガミハラシ</t>
    </rPh>
    <rPh sb="4" eb="6">
      <t>ミナミク</t>
    </rPh>
    <rPh sb="6" eb="9">
      <t>ヒガシリンカン</t>
    </rPh>
    <phoneticPr fontId="3"/>
  </si>
  <si>
    <t>相模原市南区相南 １－１３－１７</t>
    <rPh sb="4" eb="5">
      <t>ミナミ</t>
    </rPh>
    <rPh sb="5" eb="6">
      <t>ク</t>
    </rPh>
    <phoneticPr fontId="2"/>
  </si>
  <si>
    <t>相模原市南区磯部４５７３－２</t>
  </si>
  <si>
    <t>相模原市南区麻溝台２３１７－１</t>
  </si>
  <si>
    <t>横須賀市日の出町１－４－７</t>
    <rPh sb="0" eb="4">
      <t>ヨコスカシ</t>
    </rPh>
    <rPh sb="4" eb="5">
      <t>ヒ</t>
    </rPh>
    <rPh sb="6" eb="8">
      <t>デチョウ</t>
    </rPh>
    <phoneticPr fontId="3"/>
  </si>
  <si>
    <t>横須賀市深田台３７</t>
    <rPh sb="0" eb="4">
      <t>ヨコスカシ</t>
    </rPh>
    <rPh sb="4" eb="7">
      <t>フカダダイ</t>
    </rPh>
    <phoneticPr fontId="3"/>
  </si>
  <si>
    <t>横須賀市大津町４－１７－１</t>
  </si>
  <si>
    <t>平塚市上吉沢１６１７</t>
    <rPh sb="0" eb="3">
      <t>ヒラツカシ</t>
    </rPh>
    <rPh sb="3" eb="4">
      <t>ウエ</t>
    </rPh>
    <rPh sb="4" eb="6">
      <t>ヨシザワ</t>
    </rPh>
    <phoneticPr fontId="3"/>
  </si>
  <si>
    <t>平塚市黒部丘１２－７</t>
  </si>
  <si>
    <t>平塚市四之宮７－３－５</t>
  </si>
  <si>
    <t>平塚市寺田縄４５７－５</t>
  </si>
  <si>
    <t>平塚市小鍋島２７１－１</t>
  </si>
  <si>
    <t xml:space="preserve">平塚市大神５－１２－１７ </t>
  </si>
  <si>
    <t>鎌倉市山崎１６６７</t>
    <rPh sb="0" eb="3">
      <t>カマクラシ</t>
    </rPh>
    <rPh sb="3" eb="5">
      <t>ヤマサキ</t>
    </rPh>
    <phoneticPr fontId="4"/>
  </si>
  <si>
    <t>藤沢市今田７４４</t>
    <rPh sb="0" eb="3">
      <t>フジサワシ</t>
    </rPh>
    <rPh sb="3" eb="5">
      <t>イマダ</t>
    </rPh>
    <phoneticPr fontId="3"/>
  </si>
  <si>
    <t>藤沢市大庭５５２７－１</t>
    <rPh sb="0" eb="3">
      <t>フジサワシ</t>
    </rPh>
    <rPh sb="3" eb="5">
      <t>オオニワ</t>
    </rPh>
    <phoneticPr fontId="3"/>
  </si>
  <si>
    <t>藤沢市辻堂西海岸２－１－１７</t>
    <rPh sb="0" eb="3">
      <t>フジサワシ</t>
    </rPh>
    <rPh sb="3" eb="8">
      <t>ツジドウニシカイガン</t>
    </rPh>
    <phoneticPr fontId="3"/>
  </si>
  <si>
    <t>藤沢市本町１－１２－１７</t>
    <rPh sb="0" eb="3">
      <t>フジサワシ</t>
    </rPh>
    <rPh sb="3" eb="5">
      <t>ホンチョウ</t>
    </rPh>
    <phoneticPr fontId="3"/>
  </si>
  <si>
    <t>藤沢市下土棚１２７４－２</t>
  </si>
  <si>
    <t>藤沢市大庭３７６１</t>
  </si>
  <si>
    <t>小田原市久野４３７７－１</t>
    <rPh sb="0" eb="3">
      <t>オダワラ</t>
    </rPh>
    <rPh sb="3" eb="4">
      <t>シ</t>
    </rPh>
    <rPh sb="4" eb="6">
      <t>クノ</t>
    </rPh>
    <phoneticPr fontId="3"/>
  </si>
  <si>
    <t>小田原市中里２７３－６</t>
    <rPh sb="0" eb="4">
      <t>オダワラシ</t>
    </rPh>
    <rPh sb="4" eb="6">
      <t>ナカザト</t>
    </rPh>
    <phoneticPr fontId="3"/>
  </si>
  <si>
    <t>茅ヶ崎市芹沢１７００</t>
  </si>
  <si>
    <t>茅ヶ崎市中島１６７０</t>
  </si>
  <si>
    <t>三浦市初声町下宮田４３７－２</t>
    <rPh sb="0" eb="3">
      <t>ミウラシ</t>
    </rPh>
    <rPh sb="3" eb="6">
      <t>ハッセマチ</t>
    </rPh>
    <rPh sb="6" eb="9">
      <t>シモミヤダ</t>
    </rPh>
    <phoneticPr fontId="3"/>
  </si>
  <si>
    <t>三浦市三崎５－２４５－７</t>
    <rPh sb="0" eb="3">
      <t>ミウラシ</t>
    </rPh>
    <rPh sb="3" eb="5">
      <t>ミサキ</t>
    </rPh>
    <phoneticPr fontId="3"/>
  </si>
  <si>
    <t>三浦市三崎５－１６７－２、４、１１の一部（三崎５－３－１号地先）</t>
    <rPh sb="0" eb="3">
      <t>ミウラシ</t>
    </rPh>
    <rPh sb="3" eb="5">
      <t>ミサキ</t>
    </rPh>
    <rPh sb="18" eb="20">
      <t>イチブ</t>
    </rPh>
    <rPh sb="21" eb="23">
      <t>ミサキ</t>
    </rPh>
    <rPh sb="28" eb="29">
      <t>ゴウ</t>
    </rPh>
    <rPh sb="29" eb="31">
      <t>チサキ</t>
    </rPh>
    <phoneticPr fontId="3"/>
  </si>
  <si>
    <t>三浦市初声町入江２７４－２</t>
  </si>
  <si>
    <t>秦野市下大槻１７４－４</t>
    <rPh sb="0" eb="3">
      <t>ハダノシ</t>
    </rPh>
    <rPh sb="3" eb="6">
      <t>シモオオヅキ</t>
    </rPh>
    <phoneticPr fontId="3"/>
  </si>
  <si>
    <t>厚木市七沢６５７</t>
    <rPh sb="0" eb="3">
      <t>アツギシ</t>
    </rPh>
    <rPh sb="3" eb="5">
      <t>ナナサワ</t>
    </rPh>
    <phoneticPr fontId="3"/>
  </si>
  <si>
    <t>厚木市水引２－１１－７</t>
    <rPh sb="0" eb="3">
      <t>アツギシ</t>
    </rPh>
    <rPh sb="3" eb="5">
      <t>ミズヒキ</t>
    </rPh>
    <phoneticPr fontId="3"/>
  </si>
  <si>
    <t>大和市上和田２５５７</t>
  </si>
  <si>
    <t>大和市深見１７６０</t>
  </si>
  <si>
    <t>伊勢原市桜台５－１２－２７</t>
  </si>
  <si>
    <t>海老名市上郷７１７</t>
    <rPh sb="0" eb="4">
      <t>エビナシ</t>
    </rPh>
    <rPh sb="4" eb="6">
      <t>カミゴウ</t>
    </rPh>
    <phoneticPr fontId="3"/>
  </si>
  <si>
    <t>海老名市下今泉１－１７－５５</t>
    <rPh sb="0" eb="4">
      <t>エビナシ</t>
    </rPh>
    <rPh sb="4" eb="7">
      <t>シモイマイズミ</t>
    </rPh>
    <phoneticPr fontId="3"/>
  </si>
  <si>
    <t>海老名市下今泉２０２７－１</t>
    <rPh sb="0" eb="4">
      <t>エビナシ</t>
    </rPh>
    <rPh sb="4" eb="5">
      <t>シモ</t>
    </rPh>
    <rPh sb="5" eb="7">
      <t>イマイズミ</t>
    </rPh>
    <phoneticPr fontId="3"/>
  </si>
  <si>
    <t>海老名市中新田３７７</t>
    <rPh sb="0" eb="4">
      <t>エビナシ</t>
    </rPh>
    <rPh sb="4" eb="7">
      <t>ナカシンデン</t>
    </rPh>
    <phoneticPr fontId="3"/>
  </si>
  <si>
    <t>海老名市社家５－２７－１</t>
  </si>
  <si>
    <t>南足柄市竹松１１１７－１</t>
    <rPh sb="0" eb="4">
      <t>ミナミアシガラシ</t>
    </rPh>
    <rPh sb="4" eb="6">
      <t>タケマツ</t>
    </rPh>
    <phoneticPr fontId="3"/>
  </si>
  <si>
    <t>南足柄市広町１５０７</t>
    <rPh sb="0" eb="4">
      <t>ミナミアシガラシ</t>
    </rPh>
    <rPh sb="4" eb="6">
      <t>ヒロマチ</t>
    </rPh>
    <phoneticPr fontId="3"/>
  </si>
  <si>
    <t>南足柄市怒田１７３４</t>
    <rPh sb="0" eb="3">
      <t>ミナミアシガラ</t>
    </rPh>
    <rPh sb="4" eb="6">
      <t>ヌダ</t>
    </rPh>
    <phoneticPr fontId="3"/>
  </si>
  <si>
    <t>綾瀬市上土棚北４－７－４７</t>
    <rPh sb="0" eb="3">
      <t>アヤセシ</t>
    </rPh>
    <rPh sb="3" eb="7">
      <t>カミツチダナキタ</t>
    </rPh>
    <phoneticPr fontId="5"/>
  </si>
  <si>
    <t>綾瀬市上土棚南１－４－１７</t>
    <rPh sb="0" eb="3">
      <t>アヤセシ</t>
    </rPh>
    <rPh sb="3" eb="6">
      <t>カミツチダナ</t>
    </rPh>
    <rPh sb="6" eb="7">
      <t>ミナミ</t>
    </rPh>
    <phoneticPr fontId="5"/>
  </si>
  <si>
    <t>綾瀬市寺尾本町２－７－３</t>
    <rPh sb="0" eb="3">
      <t>アヤセシ</t>
    </rPh>
    <rPh sb="3" eb="5">
      <t>テラオ</t>
    </rPh>
    <rPh sb="5" eb="7">
      <t>ホンマチ</t>
    </rPh>
    <phoneticPr fontId="5"/>
  </si>
  <si>
    <t>綾瀬市深谷中４－７－１０</t>
  </si>
  <si>
    <t>綾瀬市深谷中５－３３６７－２</t>
  </si>
  <si>
    <t>寒川町宮山２７５</t>
    <rPh sb="0" eb="3">
      <t>サムカワマチ</t>
    </rPh>
    <rPh sb="3" eb="5">
      <t>ミヤヤマ</t>
    </rPh>
    <phoneticPr fontId="3"/>
  </si>
  <si>
    <t>寒川町宮山４２７１</t>
    <rPh sb="0" eb="3">
      <t>サムカワマチ</t>
    </rPh>
    <rPh sb="3" eb="5">
      <t>ミヤヤマ</t>
    </rPh>
    <phoneticPr fontId="3"/>
  </si>
  <si>
    <t>大磯町国府本郷２０７－１</t>
    <rPh sb="0" eb="3">
      <t>オオイソマチ</t>
    </rPh>
    <rPh sb="3" eb="7">
      <t>コクフホンゴウ</t>
    </rPh>
    <phoneticPr fontId="3"/>
  </si>
  <si>
    <t>松田町松田庶子４７７－１</t>
    <rPh sb="0" eb="3">
      <t>マツダマチ</t>
    </rPh>
    <rPh sb="3" eb="5">
      <t>マツダ</t>
    </rPh>
    <phoneticPr fontId="3"/>
  </si>
  <si>
    <t>山北町神尾田７３４</t>
    <rPh sb="0" eb="3">
      <t>ヤマキタマチ</t>
    </rPh>
    <rPh sb="3" eb="6">
      <t>カミオダ</t>
    </rPh>
    <phoneticPr fontId="3"/>
  </si>
  <si>
    <t>山北町岸３１７２－１</t>
    <rPh sb="0" eb="3">
      <t>ヤマキタマチ</t>
    </rPh>
    <rPh sb="3" eb="4">
      <t>キシ</t>
    </rPh>
    <phoneticPr fontId="3"/>
  </si>
  <si>
    <t>山北町向原２３７０</t>
  </si>
  <si>
    <t>箱根町宮ノ下４６７－１</t>
    <rPh sb="0" eb="4">
      <t>ハコネマチミヤ</t>
    </rPh>
    <rPh sb="5" eb="6">
      <t>シタ</t>
    </rPh>
    <phoneticPr fontId="3"/>
  </si>
  <si>
    <t>湯河原町吉浜１５７６－５２</t>
    <rPh sb="0" eb="4">
      <t>ユガワラマチ</t>
    </rPh>
    <rPh sb="4" eb="6">
      <t>ヨシハマ</t>
    </rPh>
    <phoneticPr fontId="3"/>
  </si>
  <si>
    <t>愛川町角田２５７－１</t>
    <rPh sb="0" eb="3">
      <t>アイカワマチ</t>
    </rPh>
    <rPh sb="3" eb="5">
      <t>スミダ</t>
    </rPh>
    <phoneticPr fontId="3"/>
  </si>
  <si>
    <t>愛川町田代１７００</t>
    <rPh sb="0" eb="3">
      <t>アイカワマチ</t>
    </rPh>
    <rPh sb="3" eb="5">
      <t>タシロ</t>
    </rPh>
    <phoneticPr fontId="3"/>
  </si>
  <si>
    <t>横浜市鶴見区寛政町２８－２</t>
    <rPh sb="3" eb="6">
      <t>ツルミク</t>
    </rPh>
    <rPh sb="6" eb="9">
      <t>カンセイチョウ</t>
    </rPh>
    <phoneticPr fontId="3"/>
  </si>
  <si>
    <t>横浜市鶴見区平安町２－２８－８</t>
  </si>
  <si>
    <t>横浜市西区岡野１－５－８</t>
  </si>
  <si>
    <t>横浜市中区山下町２８１</t>
  </si>
  <si>
    <t>横浜市金沢区釜利谷東４－５８－１</t>
  </si>
  <si>
    <t>横浜市港北区大豆戸町６８０－１</t>
    <rPh sb="0" eb="6">
      <t>ヨコハマシコウホクク</t>
    </rPh>
    <rPh sb="6" eb="10">
      <t>マメドマチ</t>
    </rPh>
    <phoneticPr fontId="3"/>
  </si>
  <si>
    <t>横浜市港北区新羽町１３４８</t>
  </si>
  <si>
    <t>横浜市戸塚区戸塚町３１５８－１</t>
    <rPh sb="0" eb="3">
      <t>ヨコハマシ</t>
    </rPh>
    <rPh sb="3" eb="6">
      <t>トツカク</t>
    </rPh>
    <rPh sb="6" eb="8">
      <t>トツカ</t>
    </rPh>
    <rPh sb="8" eb="9">
      <t>マチ</t>
    </rPh>
    <phoneticPr fontId="3"/>
  </si>
  <si>
    <t>横浜市港南区下永谷１－２８－１</t>
  </si>
  <si>
    <t>横浜市緑区東本郷５－１８－１</t>
    <rPh sb="0" eb="3">
      <t>ヨコハマシ</t>
    </rPh>
    <rPh sb="3" eb="5">
      <t>ミドリク</t>
    </rPh>
    <rPh sb="5" eb="8">
      <t>ヒガシホンゴウ</t>
    </rPh>
    <phoneticPr fontId="3"/>
  </si>
  <si>
    <t>横浜市瀬谷区竹村町２８－１</t>
    <rPh sb="0" eb="3">
      <t>ヨコハマシ</t>
    </rPh>
    <rPh sb="3" eb="6">
      <t>セヤク</t>
    </rPh>
    <rPh sb="6" eb="9">
      <t>タケムラチョウ</t>
    </rPh>
    <phoneticPr fontId="3"/>
  </si>
  <si>
    <t>横浜市瀬谷区二ツ橋町４６８</t>
    <rPh sb="0" eb="3">
      <t>ヨコハマシ</t>
    </rPh>
    <rPh sb="3" eb="6">
      <t>セヤク</t>
    </rPh>
    <rPh sb="6" eb="7">
      <t>フタ</t>
    </rPh>
    <rPh sb="8" eb="10">
      <t>バシマチ</t>
    </rPh>
    <phoneticPr fontId="3"/>
  </si>
  <si>
    <t>横浜市泉区和泉町５８６７－２６</t>
    <rPh sb="0" eb="3">
      <t>ヨコハマシ</t>
    </rPh>
    <rPh sb="3" eb="5">
      <t>イズミク</t>
    </rPh>
    <rPh sb="5" eb="8">
      <t>イズミチョウ</t>
    </rPh>
    <phoneticPr fontId="3"/>
  </si>
  <si>
    <t>横浜市青葉区市ケ尾町１８５４</t>
  </si>
  <si>
    <t>川崎市多摩区堰１－２８－１</t>
  </si>
  <si>
    <t>川崎市麻生区古沢８６－１</t>
    <rPh sb="0" eb="3">
      <t>カワサキシ</t>
    </rPh>
    <rPh sb="3" eb="6">
      <t>アサオク</t>
    </rPh>
    <rPh sb="6" eb="8">
      <t>フルサワ</t>
    </rPh>
    <phoneticPr fontId="3"/>
  </si>
  <si>
    <t>川崎市麻生区片平１７７８</t>
  </si>
  <si>
    <t>相模原市緑区青根１８３７－１</t>
    <rPh sb="0" eb="4">
      <t>サガミハラシ</t>
    </rPh>
    <rPh sb="4" eb="6">
      <t>ミドリク</t>
    </rPh>
    <rPh sb="6" eb="8">
      <t>アオネ</t>
    </rPh>
    <phoneticPr fontId="3"/>
  </si>
  <si>
    <t>相模原市緑区青根８０７－２</t>
    <rPh sb="0" eb="4">
      <t>サガミハラシ</t>
    </rPh>
    <rPh sb="4" eb="6">
      <t>ミドリク</t>
    </rPh>
    <rPh sb="6" eb="8">
      <t>アオネ</t>
    </rPh>
    <phoneticPr fontId="3"/>
  </si>
  <si>
    <t>相模原市緑区青山３３８５－２</t>
    <rPh sb="0" eb="4">
      <t>サガミハラシ</t>
    </rPh>
    <rPh sb="4" eb="6">
      <t>ミドリク</t>
    </rPh>
    <rPh sb="6" eb="8">
      <t>アオヤマ</t>
    </rPh>
    <phoneticPr fontId="3"/>
  </si>
  <si>
    <t>相模原市緑区下九沢２３６８－１</t>
  </si>
  <si>
    <t>相模原市緑区下九沢２３６８－１</t>
    <rPh sb="0" eb="4">
      <t>サガミハラシ</t>
    </rPh>
    <rPh sb="4" eb="6">
      <t>ミドリク</t>
    </rPh>
    <rPh sb="6" eb="9">
      <t>シモクザワ</t>
    </rPh>
    <phoneticPr fontId="3"/>
  </si>
  <si>
    <t>相模原市緑区鳥屋２３０５－８</t>
    <rPh sb="0" eb="4">
      <t>サガミハラシ</t>
    </rPh>
    <rPh sb="4" eb="6">
      <t>ミドリク</t>
    </rPh>
    <rPh sb="6" eb="8">
      <t>トヤ</t>
    </rPh>
    <phoneticPr fontId="3"/>
  </si>
  <si>
    <t>相模原市緑区中野１６８１－１</t>
    <rPh sb="0" eb="4">
      <t>サガミハラシ</t>
    </rPh>
    <rPh sb="4" eb="6">
      <t>ミドリク</t>
    </rPh>
    <rPh sb="6" eb="8">
      <t>ナカノ</t>
    </rPh>
    <phoneticPr fontId="3"/>
  </si>
  <si>
    <t>相模原市緑区橋本３－２８－１</t>
    <rPh sb="0" eb="4">
      <t>サガミハラシ</t>
    </rPh>
    <rPh sb="4" eb="6">
      <t>ミドリク</t>
    </rPh>
    <rPh sb="6" eb="8">
      <t>ハシモト</t>
    </rPh>
    <phoneticPr fontId="3"/>
  </si>
  <si>
    <t>相模原市緑区与瀬１１８３－２</t>
    <rPh sb="0" eb="4">
      <t>サガミハラシ</t>
    </rPh>
    <rPh sb="4" eb="6">
      <t>ミドリク</t>
    </rPh>
    <rPh sb="6" eb="8">
      <t>ヨセ</t>
    </rPh>
    <phoneticPr fontId="3"/>
  </si>
  <si>
    <t>相模原市緑区下九沢２０８３－１</t>
    <rPh sb="0" eb="4">
      <t>サガミハラシ</t>
    </rPh>
    <phoneticPr fontId="3"/>
  </si>
  <si>
    <t>相模原市緑区下九沢２０８４－３</t>
    <rPh sb="0" eb="4">
      <t>サガミハラシ</t>
    </rPh>
    <phoneticPr fontId="3"/>
  </si>
  <si>
    <t>相模原市緑区与瀬８８６－７</t>
    <rPh sb="4" eb="6">
      <t>ミドリク</t>
    </rPh>
    <rPh sb="6" eb="7">
      <t>ヨ</t>
    </rPh>
    <rPh sb="7" eb="8">
      <t>セ</t>
    </rPh>
    <phoneticPr fontId="2"/>
  </si>
  <si>
    <t>相模原市緑区橋本８－８－１</t>
  </si>
  <si>
    <t>相模原市緑区青山３１８４－１</t>
  </si>
  <si>
    <t>相模原市緑区大島３８５３－８</t>
  </si>
  <si>
    <t>相模原市中央区田名４８４１－３</t>
    <rPh sb="0" eb="4">
      <t>サガミハラシ</t>
    </rPh>
    <rPh sb="4" eb="7">
      <t>チュウオウク</t>
    </rPh>
    <rPh sb="7" eb="9">
      <t>タナ</t>
    </rPh>
    <phoneticPr fontId="3"/>
  </si>
  <si>
    <t>相模原市中央区光が丘２－１８－５６</t>
    <rPh sb="0" eb="4">
      <t>サガミハラシ</t>
    </rPh>
    <rPh sb="4" eb="7">
      <t>チュウオウク</t>
    </rPh>
    <rPh sb="7" eb="8">
      <t>ヒカリ</t>
    </rPh>
    <rPh sb="9" eb="10">
      <t>オカ</t>
    </rPh>
    <phoneticPr fontId="3"/>
  </si>
  <si>
    <t>相模原市中央区相模原 ８－７－５</t>
    <rPh sb="4" eb="6">
      <t>チュウオウ</t>
    </rPh>
    <rPh sb="6" eb="7">
      <t>ク</t>
    </rPh>
    <phoneticPr fontId="2"/>
  </si>
  <si>
    <t>相模原市中央区田名６７８６－１</t>
  </si>
  <si>
    <t>相模原市南区麻溝台１８７２－１</t>
    <rPh sb="0" eb="4">
      <t>サガミハラシ</t>
    </rPh>
    <rPh sb="4" eb="6">
      <t>ミナミク</t>
    </rPh>
    <rPh sb="6" eb="9">
      <t>アサミゾダイ</t>
    </rPh>
    <phoneticPr fontId="3"/>
  </si>
  <si>
    <t>相模原市南区麻溝台２２８４－１</t>
    <rPh sb="0" eb="4">
      <t>サガミハラシ</t>
    </rPh>
    <rPh sb="4" eb="6">
      <t>ミナミク</t>
    </rPh>
    <rPh sb="6" eb="9">
      <t>アサミゾダイ</t>
    </rPh>
    <phoneticPr fontId="3"/>
  </si>
  <si>
    <t>相模原市南区麻溝台２－４－１８</t>
    <rPh sb="0" eb="4">
      <t>サガミハラシ</t>
    </rPh>
    <rPh sb="4" eb="6">
      <t>ミナミク</t>
    </rPh>
    <rPh sb="6" eb="8">
      <t>アサミゾ</t>
    </rPh>
    <rPh sb="8" eb="9">
      <t>ダイ</t>
    </rPh>
    <phoneticPr fontId="3"/>
  </si>
  <si>
    <t>相模原市南区新戸２２６８－１</t>
    <rPh sb="0" eb="4">
      <t>サガミハラシ</t>
    </rPh>
    <rPh sb="4" eb="6">
      <t>ミナミク</t>
    </rPh>
    <rPh sb="6" eb="8">
      <t>シンド</t>
    </rPh>
    <phoneticPr fontId="3"/>
  </si>
  <si>
    <t>相模原市南区当麻８１４</t>
    <rPh sb="0" eb="4">
      <t>サガミハラシ</t>
    </rPh>
    <rPh sb="4" eb="5">
      <t>ミナミ</t>
    </rPh>
    <rPh sb="5" eb="6">
      <t>ク</t>
    </rPh>
    <rPh sb="6" eb="8">
      <t>タイマ</t>
    </rPh>
    <phoneticPr fontId="3"/>
  </si>
  <si>
    <t>相模原市南区若松２－１－３８</t>
    <rPh sb="0" eb="4">
      <t>サガミハラシ</t>
    </rPh>
    <rPh sb="4" eb="6">
      <t>ミナミク</t>
    </rPh>
    <rPh sb="6" eb="8">
      <t>ワカマツ</t>
    </rPh>
    <phoneticPr fontId="3"/>
  </si>
  <si>
    <t>横須賀市西逸見町１－３８－１１</t>
    <rPh sb="0" eb="4">
      <t>ヨコスカシ</t>
    </rPh>
    <rPh sb="4" eb="8">
      <t>ニシヘミマチ</t>
    </rPh>
    <phoneticPr fontId="3"/>
  </si>
  <si>
    <t>横須賀市平作５－２８－１０</t>
    <rPh sb="0" eb="4">
      <t>ヨコスカシ</t>
    </rPh>
    <rPh sb="4" eb="6">
      <t>ヒラサク</t>
    </rPh>
    <phoneticPr fontId="3"/>
  </si>
  <si>
    <t>平塚市見附町１－８</t>
  </si>
  <si>
    <t>平塚市御殿２－１７－３８</t>
  </si>
  <si>
    <t>平塚市公所８６８</t>
  </si>
  <si>
    <t>平塚市紅谷町１８－８</t>
  </si>
  <si>
    <t>平塚市高浜台８－１</t>
  </si>
  <si>
    <t>平塚市大神４－２０－８</t>
  </si>
  <si>
    <t>平塚市土屋１８６４－１</t>
  </si>
  <si>
    <t>平塚市東豊田４４８－３</t>
  </si>
  <si>
    <t>平塚市桃浜町３４－１８</t>
  </si>
  <si>
    <t>平塚市入野１０８－１</t>
  </si>
  <si>
    <t>鎌倉市岡本１０１８</t>
    <rPh sb="0" eb="3">
      <t>カマクラシ</t>
    </rPh>
    <rPh sb="3" eb="5">
      <t>オカモト</t>
    </rPh>
    <phoneticPr fontId="3"/>
  </si>
  <si>
    <t>鎌倉市御成町１８－１０</t>
    <rPh sb="0" eb="3">
      <t>カマクラシ</t>
    </rPh>
    <rPh sb="3" eb="6">
      <t>オナリマチ</t>
    </rPh>
    <phoneticPr fontId="3"/>
  </si>
  <si>
    <t>鎌倉市腰越８６４</t>
    <rPh sb="0" eb="3">
      <t>カマクラシ</t>
    </rPh>
    <rPh sb="3" eb="5">
      <t>コシゴエ</t>
    </rPh>
    <phoneticPr fontId="3"/>
  </si>
  <si>
    <t>鎌倉市高野８－１</t>
    <rPh sb="0" eb="3">
      <t>カマクラシ</t>
    </rPh>
    <rPh sb="3" eb="5">
      <t>タカノ</t>
    </rPh>
    <phoneticPr fontId="3"/>
  </si>
  <si>
    <t>鎌倉市御成町１２－１８</t>
  </si>
  <si>
    <t>鎌倉市雪ノ下２－８－１</t>
  </si>
  <si>
    <t>藤沢市稲荷５８６</t>
    <rPh sb="0" eb="3">
      <t>フジサワシ</t>
    </rPh>
    <rPh sb="3" eb="5">
      <t>イナリ</t>
    </rPh>
    <phoneticPr fontId="3"/>
  </si>
  <si>
    <t>藤沢市亀井野４－８－１</t>
    <rPh sb="0" eb="3">
      <t>フジサワシ</t>
    </rPh>
    <rPh sb="3" eb="6">
      <t>カメイノ</t>
    </rPh>
    <phoneticPr fontId="3"/>
  </si>
  <si>
    <t>藤沢市鵠沼東８－１</t>
    <rPh sb="0" eb="3">
      <t>フジサワシ</t>
    </rPh>
    <rPh sb="3" eb="5">
      <t>クゲヌマ</t>
    </rPh>
    <rPh sb="5" eb="6">
      <t>ヒガシ</t>
    </rPh>
    <phoneticPr fontId="3"/>
  </si>
  <si>
    <t>藤沢市湘南台１－８</t>
    <rPh sb="0" eb="3">
      <t>フジサワシ</t>
    </rPh>
    <rPh sb="3" eb="6">
      <t>ショウナンダイ</t>
    </rPh>
    <phoneticPr fontId="3"/>
  </si>
  <si>
    <t>藤沢市湘南台７－１８－２</t>
  </si>
  <si>
    <t>藤沢市大庭３６０８－２</t>
  </si>
  <si>
    <t>藤沢市辻堂２－１５－８</t>
  </si>
  <si>
    <t>小田原市入生田５８６</t>
    <rPh sb="0" eb="4">
      <t>オダワラシ</t>
    </rPh>
    <rPh sb="4" eb="7">
      <t>イリュウダ</t>
    </rPh>
    <phoneticPr fontId="3"/>
  </si>
  <si>
    <t>小田原市久野３６６４－８</t>
    <rPh sb="0" eb="4">
      <t>オダワラシ</t>
    </rPh>
    <rPh sb="4" eb="6">
      <t>クノ</t>
    </rPh>
    <phoneticPr fontId="3"/>
  </si>
  <si>
    <t>小田原市久野３７６８</t>
    <rPh sb="0" eb="4">
      <t>オダワラシ</t>
    </rPh>
    <rPh sb="4" eb="6">
      <t>クノ</t>
    </rPh>
    <phoneticPr fontId="3"/>
  </si>
  <si>
    <t>小田原市羽根尾２８１－３</t>
    <rPh sb="0" eb="4">
      <t>オダワラシ</t>
    </rPh>
    <rPh sb="4" eb="7">
      <t>ハネオ</t>
    </rPh>
    <phoneticPr fontId="3"/>
  </si>
  <si>
    <t>小田原市前川１８３－１８</t>
    <rPh sb="0" eb="4">
      <t>オダワラシ</t>
    </rPh>
    <rPh sb="4" eb="6">
      <t>マエカワ</t>
    </rPh>
    <phoneticPr fontId="3"/>
  </si>
  <si>
    <t>小田原市東町５－２－５８</t>
  </si>
  <si>
    <t>茅ヶ崎市芹沢８８８</t>
  </si>
  <si>
    <t>茅ヶ崎市西久保１８０</t>
  </si>
  <si>
    <t>逗子市桜山４－８－４１</t>
    <rPh sb="0" eb="3">
      <t>ズシシ</t>
    </rPh>
    <rPh sb="3" eb="5">
      <t>サクラヤマ</t>
    </rPh>
    <phoneticPr fontId="3"/>
  </si>
  <si>
    <t>三浦市南下浦町上宮田３２５８－４</t>
    <rPh sb="0" eb="3">
      <t>ミウラシ</t>
    </rPh>
    <rPh sb="3" eb="7">
      <t>ミナミシタウラマチ</t>
    </rPh>
    <rPh sb="7" eb="10">
      <t>カミミヤダ</t>
    </rPh>
    <phoneticPr fontId="3"/>
  </si>
  <si>
    <t>三浦市三崎町小網代１２２８</t>
  </si>
  <si>
    <t>秦野市今泉３３８－１</t>
    <rPh sb="0" eb="3">
      <t>ハダノシ</t>
    </rPh>
    <rPh sb="3" eb="5">
      <t>イマイズミ</t>
    </rPh>
    <phoneticPr fontId="2"/>
  </si>
  <si>
    <t>秦野市今泉５６８</t>
    <rPh sb="0" eb="3">
      <t>ハダノシ</t>
    </rPh>
    <rPh sb="3" eb="5">
      <t>イマイズミ</t>
    </rPh>
    <phoneticPr fontId="3"/>
  </si>
  <si>
    <t>秦野市菖蒲１５８７－１６</t>
    <rPh sb="0" eb="3">
      <t>ハダノシ</t>
    </rPh>
    <rPh sb="3" eb="5">
      <t>ショウブ</t>
    </rPh>
    <phoneticPr fontId="3"/>
  </si>
  <si>
    <t>秦野市鶴巻２１８２</t>
    <rPh sb="0" eb="2">
      <t>ハダノ</t>
    </rPh>
    <rPh sb="2" eb="3">
      <t>シ</t>
    </rPh>
    <rPh sb="3" eb="5">
      <t>ツルマキ</t>
    </rPh>
    <phoneticPr fontId="3"/>
  </si>
  <si>
    <t>秦野市東田原１５３８－３</t>
    <rPh sb="0" eb="3">
      <t>ハダノシ</t>
    </rPh>
    <rPh sb="3" eb="6">
      <t>ヒガシタワラ</t>
    </rPh>
    <phoneticPr fontId="3"/>
  </si>
  <si>
    <t>秦野市平沢１４８</t>
    <rPh sb="0" eb="3">
      <t>ハダノシ</t>
    </rPh>
    <rPh sb="3" eb="5">
      <t>ヒラサワ</t>
    </rPh>
    <phoneticPr fontId="2"/>
  </si>
  <si>
    <t>秦野市平沢１４８（第一駐車場）</t>
    <rPh sb="0" eb="3">
      <t>ハダノシ</t>
    </rPh>
    <rPh sb="3" eb="5">
      <t>ヒラサワ</t>
    </rPh>
    <rPh sb="9" eb="14">
      <t>ダイイチチュウシャジョウ</t>
    </rPh>
    <phoneticPr fontId="2"/>
  </si>
  <si>
    <t>秦野市平沢１４８（第ニ駐車場）</t>
    <rPh sb="0" eb="3">
      <t>ハダノシ</t>
    </rPh>
    <rPh sb="3" eb="5">
      <t>ヒラサワ</t>
    </rPh>
    <rPh sb="9" eb="10">
      <t>ダイ</t>
    </rPh>
    <rPh sb="11" eb="14">
      <t>チュウシャジョウ</t>
    </rPh>
    <phoneticPr fontId="2"/>
  </si>
  <si>
    <t>秦野市堀山下３８０－３</t>
    <rPh sb="0" eb="6">
      <t>ハダノシホリヤマシタ</t>
    </rPh>
    <phoneticPr fontId="3"/>
  </si>
  <si>
    <t>秦野市鶴巻１７６８－１</t>
  </si>
  <si>
    <t>厚木市上荻野４８３５－１</t>
    <rPh sb="0" eb="3">
      <t>アツギシ</t>
    </rPh>
    <rPh sb="3" eb="6">
      <t>カミオギノ</t>
    </rPh>
    <phoneticPr fontId="3"/>
  </si>
  <si>
    <t>厚木市下荻野８８６</t>
  </si>
  <si>
    <t>厚木市下津古久２８０</t>
  </si>
  <si>
    <t>大和市西鶴間３－１２－１８</t>
    <rPh sb="0" eb="6">
      <t>ヤマトシニシツルマ</t>
    </rPh>
    <phoneticPr fontId="3"/>
  </si>
  <si>
    <t>伊勢原市田中３４８</t>
    <rPh sb="0" eb="4">
      <t>イセハラシ</t>
    </rPh>
    <rPh sb="4" eb="6">
      <t>タナカ</t>
    </rPh>
    <phoneticPr fontId="3"/>
  </si>
  <si>
    <t>伊勢原市下糟屋２１６８－２</t>
    <rPh sb="4" eb="7">
      <t>シモカスヤ</t>
    </rPh>
    <phoneticPr fontId="3"/>
  </si>
  <si>
    <t>伊勢原市上粕屋２３８０</t>
  </si>
  <si>
    <t>伊勢原市田中１００８－３</t>
  </si>
  <si>
    <t>海老名市社家３－１８－１</t>
    <rPh sb="0" eb="4">
      <t>エビナシ</t>
    </rPh>
    <rPh sb="4" eb="6">
      <t>シャケ</t>
    </rPh>
    <phoneticPr fontId="3"/>
  </si>
  <si>
    <t>海老名市杉久保北２－１８－１５</t>
    <rPh sb="0" eb="8">
      <t>エビナシスギクボキタ</t>
    </rPh>
    <phoneticPr fontId="3"/>
  </si>
  <si>
    <t>海老名市社家５－８－１６</t>
    <rPh sb="4" eb="6">
      <t>シャケ</t>
    </rPh>
    <phoneticPr fontId="3"/>
  </si>
  <si>
    <t>座間市相模が丘３－３８－１</t>
    <rPh sb="0" eb="3">
      <t>ザマシ</t>
    </rPh>
    <rPh sb="3" eb="5">
      <t>サガミ</t>
    </rPh>
    <rPh sb="6" eb="7">
      <t>オカ</t>
    </rPh>
    <phoneticPr fontId="3"/>
  </si>
  <si>
    <t>座間市相武台１－４８－１</t>
    <rPh sb="0" eb="3">
      <t>ザマシ</t>
    </rPh>
    <rPh sb="3" eb="6">
      <t>ソウブダイ</t>
    </rPh>
    <phoneticPr fontId="3"/>
  </si>
  <si>
    <t>座間市相武台３－２０－１８</t>
    <rPh sb="0" eb="3">
      <t>ザマシ</t>
    </rPh>
    <rPh sb="3" eb="6">
      <t>ソウブダイ</t>
    </rPh>
    <phoneticPr fontId="3"/>
  </si>
  <si>
    <t>座間市ひばりが丘３－５８－１</t>
  </si>
  <si>
    <t>座間市栗原２４８７</t>
  </si>
  <si>
    <t>南足柄市内山２８７０－５</t>
    <rPh sb="0" eb="1">
      <t>ミナミ</t>
    </rPh>
    <rPh sb="1" eb="3">
      <t>アシガラ</t>
    </rPh>
    <rPh sb="3" eb="4">
      <t>シ</t>
    </rPh>
    <rPh sb="4" eb="6">
      <t>ウチヤマ</t>
    </rPh>
    <phoneticPr fontId="3"/>
  </si>
  <si>
    <t>南足柄市広町４８－１</t>
    <rPh sb="0" eb="4">
      <t>ミナミアシガラシ</t>
    </rPh>
    <rPh sb="4" eb="6">
      <t>ヒロマチ</t>
    </rPh>
    <phoneticPr fontId="3"/>
  </si>
  <si>
    <t>南足柄市塚原２８３２</t>
  </si>
  <si>
    <t>南足柄市怒田８６０</t>
  </si>
  <si>
    <t>綾瀬市深谷上８－２８５５－１</t>
    <rPh sb="0" eb="3">
      <t>アヤセシ</t>
    </rPh>
    <rPh sb="3" eb="5">
      <t>フカヤ</t>
    </rPh>
    <rPh sb="5" eb="6">
      <t>ウエ</t>
    </rPh>
    <phoneticPr fontId="5"/>
  </si>
  <si>
    <t>葉山町堀内１８６４</t>
    <rPh sb="3" eb="5">
      <t>ホリウチ</t>
    </rPh>
    <phoneticPr fontId="3"/>
  </si>
  <si>
    <t>葉山町一色２２０８－１</t>
  </si>
  <si>
    <t>寒川町宮山４０５８</t>
    <rPh sb="0" eb="3">
      <t>サムカワマチ</t>
    </rPh>
    <rPh sb="3" eb="5">
      <t>ミヤヤマ</t>
    </rPh>
    <phoneticPr fontId="3"/>
  </si>
  <si>
    <t>中井町境２１８</t>
    <rPh sb="0" eb="3">
      <t>ナカイマチ</t>
    </rPh>
    <rPh sb="3" eb="4">
      <t>サカイ</t>
    </rPh>
    <phoneticPr fontId="3"/>
  </si>
  <si>
    <t>山北町中川２１８‐５７</t>
    <rPh sb="0" eb="3">
      <t>ヤマキタマチ</t>
    </rPh>
    <rPh sb="3" eb="5">
      <t>ナカガワ</t>
    </rPh>
    <phoneticPr fontId="3"/>
  </si>
  <si>
    <t>山北町中川６４５‐８</t>
    <rPh sb="0" eb="3">
      <t>ヤマキタマチ</t>
    </rPh>
    <rPh sb="3" eb="5">
      <t>ナカガワ</t>
    </rPh>
    <phoneticPr fontId="3"/>
  </si>
  <si>
    <t>山北町向原１８２３－１</t>
    <rPh sb="0" eb="3">
      <t>ヤマキタマチ</t>
    </rPh>
    <rPh sb="3" eb="5">
      <t>ムコウハラ</t>
    </rPh>
    <phoneticPr fontId="3"/>
  </si>
  <si>
    <t>山北町中川８６７</t>
  </si>
  <si>
    <t>開成町吉田島２８１</t>
  </si>
  <si>
    <t>箱根町仙石原８１７</t>
    <rPh sb="0" eb="6">
      <t>ハコネマチセンゴクハラ</t>
    </rPh>
    <phoneticPr fontId="3"/>
  </si>
  <si>
    <t>箱根町仙石原８４２</t>
    <rPh sb="0" eb="3">
      <t>ハコネマチ</t>
    </rPh>
    <rPh sb="3" eb="6">
      <t>センゴクハラ</t>
    </rPh>
    <phoneticPr fontId="3"/>
  </si>
  <si>
    <t>箱根町宮城野８８１－１</t>
    <rPh sb="0" eb="3">
      <t>ハコネマチ</t>
    </rPh>
    <rPh sb="3" eb="6">
      <t>ミヤギノ</t>
    </rPh>
    <phoneticPr fontId="3"/>
  </si>
  <si>
    <t>湯河原町宮上２８７－３</t>
  </si>
  <si>
    <t>愛川町半原５２８７</t>
    <rPh sb="0" eb="3">
      <t>アイカワマチ</t>
    </rPh>
    <rPh sb="3" eb="5">
      <t>ハンバラ</t>
    </rPh>
    <phoneticPr fontId="3"/>
  </si>
  <si>
    <t>愛川町三増１８８６</t>
    <rPh sb="0" eb="3">
      <t>アイカワマチ</t>
    </rPh>
    <rPh sb="3" eb="5">
      <t>ミマセ</t>
    </rPh>
    <phoneticPr fontId="3"/>
  </si>
  <si>
    <t>愛川町三増８２２－１</t>
  </si>
  <si>
    <t>横浜市神奈川区平川町１９－１</t>
  </si>
  <si>
    <t>横浜市西区紅葉ケ丘９－１</t>
    <rPh sb="0" eb="3">
      <t>ヨコハマシ</t>
    </rPh>
    <rPh sb="3" eb="5">
      <t>ニシク</t>
    </rPh>
    <rPh sb="5" eb="7">
      <t>モミジ</t>
    </rPh>
    <rPh sb="8" eb="9">
      <t>オカ</t>
    </rPh>
    <phoneticPr fontId="3"/>
  </si>
  <si>
    <t>横浜市磯子区氷取沢町９３８－２</t>
  </si>
  <si>
    <t>横浜市戸塚区汲沢町９７３</t>
  </si>
  <si>
    <t>横浜市戸塚区上倉田町４４９</t>
  </si>
  <si>
    <t>横浜市港南区港南台９－１８－１</t>
  </si>
  <si>
    <t>横浜市旭区南希望が丘７９－１</t>
  </si>
  <si>
    <t>横浜市瀬谷区東野台２９－１</t>
  </si>
  <si>
    <t>横浜市青葉区市ヶ尾２９－１</t>
    <rPh sb="0" eb="3">
      <t>ヨコハマシ</t>
    </rPh>
    <rPh sb="3" eb="6">
      <t>アオバク</t>
    </rPh>
    <rPh sb="6" eb="9">
      <t>イチガオ</t>
    </rPh>
    <phoneticPr fontId="3"/>
  </si>
  <si>
    <t>横浜市青葉区桂台２－３９－２</t>
  </si>
  <si>
    <t>横浜市青葉区上谷本町１０９</t>
  </si>
  <si>
    <t>川崎市宮前区宮前平２－１９－１１</t>
    <rPh sb="0" eb="3">
      <t>カワサキシ</t>
    </rPh>
    <rPh sb="3" eb="6">
      <t>ミヤマエク</t>
    </rPh>
    <rPh sb="6" eb="9">
      <t>ミヤマエダイラ</t>
    </rPh>
    <phoneticPr fontId="3"/>
  </si>
  <si>
    <t>相模原市緑区大島３３３９</t>
    <rPh sb="0" eb="4">
      <t>サガミハラシ</t>
    </rPh>
    <rPh sb="4" eb="6">
      <t>ミドリク</t>
    </rPh>
    <rPh sb="6" eb="8">
      <t>オオシマ</t>
    </rPh>
    <phoneticPr fontId="3"/>
  </si>
  <si>
    <t>相模原市緑区大島３４９７－１</t>
    <rPh sb="0" eb="4">
      <t>サガミハラシ</t>
    </rPh>
    <rPh sb="4" eb="6">
      <t>ミドリク</t>
    </rPh>
    <rPh sb="6" eb="8">
      <t>オオシマ</t>
    </rPh>
    <phoneticPr fontId="3"/>
  </si>
  <si>
    <t>相模原市緑区澤井９３６－１</t>
    <rPh sb="0" eb="4">
      <t>サガミハラシ</t>
    </rPh>
    <rPh sb="4" eb="6">
      <t>ミドリク</t>
    </rPh>
    <rPh sb="6" eb="8">
      <t>サワイ</t>
    </rPh>
    <phoneticPr fontId="3"/>
  </si>
  <si>
    <t>相模原市緑区城山２－９－１</t>
    <rPh sb="0" eb="4">
      <t>サガミハラシ</t>
    </rPh>
    <rPh sb="4" eb="6">
      <t>ミドリク</t>
    </rPh>
    <rPh sb="6" eb="8">
      <t>シロヤマ</t>
    </rPh>
    <phoneticPr fontId="3"/>
  </si>
  <si>
    <t>相模原市緑区与瀬２３９</t>
    <rPh sb="0" eb="4">
      <t>サガミハラシ</t>
    </rPh>
    <rPh sb="4" eb="6">
      <t>ミドリク</t>
    </rPh>
    <rPh sb="6" eb="8">
      <t>ヨセ</t>
    </rPh>
    <phoneticPr fontId="3"/>
  </si>
  <si>
    <t>相模原市緑区与瀬２５９－１</t>
    <rPh sb="0" eb="4">
      <t>サガミハラシ</t>
    </rPh>
    <rPh sb="4" eb="6">
      <t>ミドリク</t>
    </rPh>
    <rPh sb="6" eb="8">
      <t>ヨセ</t>
    </rPh>
    <phoneticPr fontId="3"/>
  </si>
  <si>
    <t>相模原市緑区与瀬８９６</t>
    <rPh sb="0" eb="6">
      <t>サガミハラシミドリク</t>
    </rPh>
    <rPh sb="6" eb="8">
      <t>ヨセ</t>
    </rPh>
    <phoneticPr fontId="3"/>
  </si>
  <si>
    <t>相模原市緑区根小屋１６１９－１</t>
  </si>
  <si>
    <t>相模原市緑区又野８２９</t>
  </si>
  <si>
    <t>相模原市中央区田名６２２９－２</t>
    <rPh sb="4" eb="6">
      <t>チュウオウ</t>
    </rPh>
    <rPh sb="6" eb="7">
      <t>ク</t>
    </rPh>
    <phoneticPr fontId="2"/>
  </si>
  <si>
    <t>相模原市中央区上溝２６９</t>
  </si>
  <si>
    <t>相模原市南区磯部１２２９－１</t>
    <rPh sb="0" eb="4">
      <t>サガミハラシ</t>
    </rPh>
    <rPh sb="4" eb="6">
      <t>ミナミク</t>
    </rPh>
    <rPh sb="6" eb="8">
      <t>イソベ</t>
    </rPh>
    <phoneticPr fontId="3"/>
  </si>
  <si>
    <t>相模原市南区古淵６－２９－２</t>
    <rPh sb="0" eb="4">
      <t>サガミハラシ</t>
    </rPh>
    <rPh sb="4" eb="6">
      <t>ミナミク</t>
    </rPh>
    <rPh sb="6" eb="8">
      <t>コブチ</t>
    </rPh>
    <phoneticPr fontId="3"/>
  </si>
  <si>
    <t>相模原市南区下溝４１６９</t>
    <rPh sb="0" eb="4">
      <t>サガミハラシ</t>
    </rPh>
    <rPh sb="4" eb="6">
      <t>ミナミク</t>
    </rPh>
    <rPh sb="6" eb="8">
      <t>シモミゾ</t>
    </rPh>
    <phoneticPr fontId="3"/>
  </si>
  <si>
    <t>相模原市南区下溝５９４－６</t>
    <rPh sb="0" eb="4">
      <t>サガミハラシ</t>
    </rPh>
    <rPh sb="4" eb="6">
      <t>ミナミク</t>
    </rPh>
    <rPh sb="6" eb="8">
      <t>シモミゾ</t>
    </rPh>
    <phoneticPr fontId="3"/>
  </si>
  <si>
    <t>相模原市南区新磯野 ２－３９－１１</t>
    <rPh sb="4" eb="5">
      <t>ミナミ</t>
    </rPh>
    <rPh sb="5" eb="6">
      <t>ク</t>
    </rPh>
    <phoneticPr fontId="2"/>
  </si>
  <si>
    <t>相模原市南区上鶴間本町９－３１－１</t>
  </si>
  <si>
    <t>横須賀市公郷町３－１０９</t>
  </si>
  <si>
    <t>平塚市四之宮１－３－３９</t>
    <rPh sb="0" eb="3">
      <t>ヒラツカシ</t>
    </rPh>
    <rPh sb="3" eb="6">
      <t>シノミヤ</t>
    </rPh>
    <phoneticPr fontId="3"/>
  </si>
  <si>
    <t>平塚市寺田縄４９６－１</t>
    <rPh sb="0" eb="3">
      <t>ヒラツカシ</t>
    </rPh>
    <rPh sb="3" eb="5">
      <t>テラダ</t>
    </rPh>
    <rPh sb="5" eb="6">
      <t>ナワ</t>
    </rPh>
    <phoneticPr fontId="3"/>
  </si>
  <si>
    <t>平塚市山下３－２９－１</t>
  </si>
  <si>
    <t>平塚市四之宮４－１９－２</t>
  </si>
  <si>
    <t>平塚市上吉沢１５７９－１</t>
  </si>
  <si>
    <t>平塚市上吉沢３９５</t>
  </si>
  <si>
    <t>平塚市浅間町９－１</t>
  </si>
  <si>
    <t>平塚市南金目９６６</t>
  </si>
  <si>
    <t>平塚市万田７９０</t>
  </si>
  <si>
    <t>鎌倉市二階堂２０９</t>
    <rPh sb="0" eb="3">
      <t>カマクラシ</t>
    </rPh>
    <rPh sb="3" eb="6">
      <t>ニカイドウ</t>
    </rPh>
    <phoneticPr fontId="3"/>
  </si>
  <si>
    <t>鎌倉市山崎１３３０－３９</t>
    <rPh sb="0" eb="2">
      <t>カマクラ</t>
    </rPh>
    <rPh sb="2" eb="3">
      <t>シ</t>
    </rPh>
    <rPh sb="3" eb="5">
      <t>ヤマザキ</t>
    </rPh>
    <phoneticPr fontId="3"/>
  </si>
  <si>
    <t>鎌倉市由比ガ浜２－９－９</t>
    <rPh sb="0" eb="2">
      <t>カマクラ</t>
    </rPh>
    <rPh sb="2" eb="3">
      <t>シ</t>
    </rPh>
    <rPh sb="3" eb="5">
      <t>ユイ</t>
    </rPh>
    <rPh sb="6" eb="7">
      <t>ハマ</t>
    </rPh>
    <phoneticPr fontId="3"/>
  </si>
  <si>
    <t>藤沢市遠藤２９８４－３</t>
    <rPh sb="0" eb="3">
      <t>フジサワシ</t>
    </rPh>
    <rPh sb="3" eb="5">
      <t>エンドウ</t>
    </rPh>
    <phoneticPr fontId="3"/>
  </si>
  <si>
    <t>藤沢市片瀬３－９－６</t>
    <rPh sb="0" eb="3">
      <t>フジサワシ</t>
    </rPh>
    <rPh sb="3" eb="5">
      <t>カタセ</t>
    </rPh>
    <phoneticPr fontId="3"/>
  </si>
  <si>
    <t>藤沢市片瀬４－９－２２</t>
    <rPh sb="0" eb="3">
      <t>フジサワシ</t>
    </rPh>
    <rPh sb="3" eb="5">
      <t>カタセ</t>
    </rPh>
    <phoneticPr fontId="3"/>
  </si>
  <si>
    <t>藤沢市亀井野２５４７－１９</t>
    <rPh sb="0" eb="3">
      <t>フジサワシ</t>
    </rPh>
    <rPh sb="3" eb="6">
      <t>カメイノ</t>
    </rPh>
    <phoneticPr fontId="3"/>
  </si>
  <si>
    <t>藤沢市亀井野３１１９</t>
    <rPh sb="0" eb="3">
      <t>フジサワシ</t>
    </rPh>
    <rPh sb="3" eb="6">
      <t>カメイノ</t>
    </rPh>
    <phoneticPr fontId="3"/>
  </si>
  <si>
    <t>藤沢市藤沢９３３－２</t>
    <rPh sb="0" eb="3">
      <t>フジサワシ</t>
    </rPh>
    <rPh sb="3" eb="5">
      <t>フジサワ</t>
    </rPh>
    <phoneticPr fontId="3"/>
  </si>
  <si>
    <t>藤沢市円行１９８６</t>
  </si>
  <si>
    <t>藤沢市長後１９０９</t>
  </si>
  <si>
    <t>小田原市久野３７９８－５</t>
  </si>
  <si>
    <t>小田原市上曽我２９８４</t>
  </si>
  <si>
    <t>小田原市入生田４９９</t>
  </si>
  <si>
    <t>茅ヶ崎市西久保２９－１</t>
    <rPh sb="0" eb="4">
      <t>チガサキシ</t>
    </rPh>
    <rPh sb="4" eb="5">
      <t>ニシ</t>
    </rPh>
    <rPh sb="5" eb="7">
      <t>クボ</t>
    </rPh>
    <phoneticPr fontId="3"/>
  </si>
  <si>
    <t>茅ヶ崎市南湖７－１２８６９－１１</t>
    <rPh sb="0" eb="4">
      <t>チガサキシ</t>
    </rPh>
    <rPh sb="4" eb="5">
      <t>ミナミ</t>
    </rPh>
    <rPh sb="5" eb="6">
      <t>ミズウミ</t>
    </rPh>
    <phoneticPr fontId="3"/>
  </si>
  <si>
    <t>茅ヶ崎市柳島１９００</t>
  </si>
  <si>
    <t>三浦市初声町入江１６９</t>
    <rPh sb="0" eb="3">
      <t>ミウラシ</t>
    </rPh>
    <rPh sb="3" eb="5">
      <t>ハツコエ</t>
    </rPh>
    <rPh sb="5" eb="6">
      <t>マチ</t>
    </rPh>
    <rPh sb="6" eb="8">
      <t>イリエ</t>
    </rPh>
    <phoneticPr fontId="3"/>
  </si>
  <si>
    <t>秦野市上大槻１９０</t>
    <rPh sb="0" eb="3">
      <t>ハダノシ</t>
    </rPh>
    <rPh sb="3" eb="4">
      <t>カミ</t>
    </rPh>
    <rPh sb="4" eb="6">
      <t>オオツキ</t>
    </rPh>
    <phoneticPr fontId="3"/>
  </si>
  <si>
    <t>秦野市渋沢上２－９－１</t>
    <rPh sb="0" eb="3">
      <t>ハダノシ</t>
    </rPh>
    <rPh sb="3" eb="5">
      <t>シブサワ</t>
    </rPh>
    <rPh sb="5" eb="6">
      <t>カミ</t>
    </rPh>
    <phoneticPr fontId="3"/>
  </si>
  <si>
    <t>秦野市曽屋５７９８－３</t>
    <rPh sb="0" eb="3">
      <t>ハダノシ</t>
    </rPh>
    <rPh sb="3" eb="5">
      <t>ソヤ</t>
    </rPh>
    <phoneticPr fontId="3"/>
  </si>
  <si>
    <t>秦野市鶴巻９４０</t>
    <rPh sb="0" eb="3">
      <t>ハダノシ</t>
    </rPh>
    <rPh sb="3" eb="5">
      <t>ツルマキ</t>
    </rPh>
    <phoneticPr fontId="2"/>
  </si>
  <si>
    <t>秦野市羽根９８８</t>
    <rPh sb="0" eb="3">
      <t>ハダノシ</t>
    </rPh>
    <rPh sb="3" eb="5">
      <t>ハネ</t>
    </rPh>
    <phoneticPr fontId="3"/>
  </si>
  <si>
    <t>秦野市東田原９９９</t>
    <rPh sb="0" eb="3">
      <t>ハダノシ</t>
    </rPh>
    <rPh sb="3" eb="6">
      <t>ヒガシタワラ</t>
    </rPh>
    <phoneticPr fontId="3"/>
  </si>
  <si>
    <t>大和市南林間９－５－１</t>
  </si>
  <si>
    <t>伊勢原市田中８１９</t>
    <rPh sb="0" eb="3">
      <t>イセハラ</t>
    </rPh>
    <rPh sb="3" eb="4">
      <t>シ</t>
    </rPh>
    <rPh sb="4" eb="6">
      <t>タナカ</t>
    </rPh>
    <phoneticPr fontId="3"/>
  </si>
  <si>
    <t>伊勢原市西富岡１３９９</t>
    <rPh sb="0" eb="4">
      <t>イセハラシ</t>
    </rPh>
    <rPh sb="4" eb="5">
      <t>ニシ</t>
    </rPh>
    <rPh sb="5" eb="7">
      <t>トミオカ</t>
    </rPh>
    <phoneticPr fontId="3"/>
  </si>
  <si>
    <t>伊勢原市伊勢原１－４１９－１地内</t>
  </si>
  <si>
    <t>座間市入谷東３－５９－４ホシノタニ団地４号棟１階</t>
    <rPh sb="0" eb="3">
      <t>ザマシ</t>
    </rPh>
    <rPh sb="3" eb="5">
      <t>イリヤ</t>
    </rPh>
    <rPh sb="5" eb="6">
      <t>ヒガシ</t>
    </rPh>
    <rPh sb="17" eb="19">
      <t>ダンチ</t>
    </rPh>
    <rPh sb="20" eb="22">
      <t>ゴウトウ</t>
    </rPh>
    <rPh sb="23" eb="24">
      <t>カイ</t>
    </rPh>
    <phoneticPr fontId="3"/>
  </si>
  <si>
    <t>座間市栗原２５９３－１</t>
    <rPh sb="0" eb="3">
      <t>ザマシ</t>
    </rPh>
    <rPh sb="3" eb="5">
      <t>クリハラ</t>
    </rPh>
    <phoneticPr fontId="3"/>
  </si>
  <si>
    <t>座間市栗原２６９７</t>
    <rPh sb="0" eb="3">
      <t>ザマシ</t>
    </rPh>
    <rPh sb="3" eb="5">
      <t>クリハラ</t>
    </rPh>
    <phoneticPr fontId="3"/>
  </si>
  <si>
    <t>座間市栗原中央３－２９－１７</t>
    <rPh sb="0" eb="3">
      <t>ザマシ</t>
    </rPh>
    <rPh sb="3" eb="5">
      <t>クリハラ</t>
    </rPh>
    <rPh sb="5" eb="7">
      <t>チュウオウ</t>
    </rPh>
    <phoneticPr fontId="3"/>
  </si>
  <si>
    <t>座間市ひばりが丘１－４９－１</t>
    <rPh sb="0" eb="3">
      <t>ザマシ</t>
    </rPh>
    <rPh sb="7" eb="8">
      <t>オカ</t>
    </rPh>
    <phoneticPr fontId="3"/>
  </si>
  <si>
    <t>座間市相武台１－４３６９－の６、座間市相武台１－４７－１</t>
    <rPh sb="16" eb="19">
      <t>ザマシ</t>
    </rPh>
    <rPh sb="19" eb="22">
      <t>ソウブダイ</t>
    </rPh>
    <phoneticPr fontId="3"/>
  </si>
  <si>
    <t>南足柄市関本５９１－１</t>
    <rPh sb="0" eb="4">
      <t>ミナミアシガラシ</t>
    </rPh>
    <rPh sb="4" eb="6">
      <t>セキモト</t>
    </rPh>
    <phoneticPr fontId="3"/>
  </si>
  <si>
    <t>南足柄市塚原１６１９－１</t>
    <rPh sb="0" eb="4">
      <t>ミナミアシガラシ</t>
    </rPh>
    <rPh sb="4" eb="6">
      <t>ツカハラ</t>
    </rPh>
    <phoneticPr fontId="3"/>
  </si>
  <si>
    <t>南足柄市千津島９４１</t>
  </si>
  <si>
    <t>綾瀬市大上５－９－４１</t>
    <rPh sb="0" eb="3">
      <t>アヤセシ</t>
    </rPh>
    <rPh sb="3" eb="5">
      <t>オオガミ</t>
    </rPh>
    <phoneticPr fontId="5"/>
  </si>
  <si>
    <t>綾瀬市吉岡９０５－１０</t>
  </si>
  <si>
    <t>綾瀬市早川２９３４</t>
  </si>
  <si>
    <t>綾瀬市大上２－５５５－９</t>
  </si>
  <si>
    <t>綾瀬市落合南９－３３９</t>
  </si>
  <si>
    <t>葉山町堀内２０５０－９</t>
    <rPh sb="0" eb="3">
      <t>ハヤママチ</t>
    </rPh>
    <rPh sb="3" eb="5">
      <t>ホリウチ</t>
    </rPh>
    <phoneticPr fontId="3"/>
  </si>
  <si>
    <t>寒川町宮山９３４－１</t>
    <rPh sb="0" eb="3">
      <t>サムカワマチ</t>
    </rPh>
    <rPh sb="3" eb="5">
      <t>ミヤヤマ</t>
    </rPh>
    <phoneticPr fontId="3"/>
  </si>
  <si>
    <t>寒川町一之宮９－３０－１</t>
  </si>
  <si>
    <t>大磯町東町２－９－１</t>
  </si>
  <si>
    <t>大井町金子１９６４－１</t>
    <rPh sb="0" eb="3">
      <t>オオイマチ</t>
    </rPh>
    <rPh sb="3" eb="5">
      <t>カネコ</t>
    </rPh>
    <phoneticPr fontId="3"/>
  </si>
  <si>
    <t>大井町金子１９７０</t>
    <rPh sb="0" eb="3">
      <t>オオイマチ</t>
    </rPh>
    <rPh sb="3" eb="5">
      <t>カネコ</t>
    </rPh>
    <phoneticPr fontId="3"/>
  </si>
  <si>
    <t>大井町金子１９９５</t>
    <rPh sb="0" eb="3">
      <t>オオイマチ</t>
    </rPh>
    <rPh sb="3" eb="5">
      <t>カネコ</t>
    </rPh>
    <phoneticPr fontId="3"/>
  </si>
  <si>
    <t>大井町西大井９８４－１</t>
  </si>
  <si>
    <t>山北町中川９２１－８２</t>
    <rPh sb="0" eb="3">
      <t>ヤマキタマチ</t>
    </rPh>
    <rPh sb="3" eb="5">
      <t>ナカガワ</t>
    </rPh>
    <phoneticPr fontId="3"/>
  </si>
  <si>
    <t>山北町中川９２３‐３８</t>
    <rPh sb="0" eb="3">
      <t>ヤマキタマチ</t>
    </rPh>
    <rPh sb="3" eb="5">
      <t>ナカガワ</t>
    </rPh>
    <phoneticPr fontId="3"/>
  </si>
  <si>
    <t>山北町平山１１９０</t>
    <rPh sb="0" eb="3">
      <t>ヤマキタマチ</t>
    </rPh>
    <rPh sb="3" eb="5">
      <t>ヒラヤマ</t>
    </rPh>
    <phoneticPr fontId="3"/>
  </si>
  <si>
    <t>湯河原町鍛冶屋９５１－１</t>
    <rPh sb="0" eb="4">
      <t>ユガワラマチ</t>
    </rPh>
    <rPh sb="4" eb="7">
      <t>カジヤ</t>
    </rPh>
    <phoneticPr fontId="3"/>
  </si>
  <si>
    <t>湯河原町吉浜１９８７－８</t>
    <rPh sb="0" eb="4">
      <t>ユガワラマチ</t>
    </rPh>
    <rPh sb="4" eb="6">
      <t>ヨシハマ</t>
    </rPh>
    <phoneticPr fontId="3"/>
  </si>
  <si>
    <t>愛川町棚沢９４１－１</t>
    <rPh sb="0" eb="3">
      <t>アイカワマチ</t>
    </rPh>
    <rPh sb="3" eb="5">
      <t>タナサワ</t>
    </rPh>
    <phoneticPr fontId="3"/>
  </si>
  <si>
    <t>愛川町半原３３９０</t>
    <rPh sb="0" eb="3">
      <t>アイカワマチ</t>
    </rPh>
    <rPh sb="3" eb="5">
      <t>ハンバラ</t>
    </rPh>
    <phoneticPr fontId="3"/>
  </si>
  <si>
    <t>愛川町中津２９３－３</t>
    <rPh sb="3" eb="5">
      <t>ナカツ</t>
    </rPh>
    <phoneticPr fontId="3"/>
  </si>
  <si>
    <t>清川村宮ヶ瀬９４０－４</t>
    <rPh sb="0" eb="3">
      <t>キヨカワムラ</t>
    </rPh>
    <rPh sb="3" eb="6">
      <t>ミヤガセ</t>
    </rPh>
    <phoneticPr fontId="3"/>
  </si>
  <si>
    <t>川崎市中原区小杉町３－２５６</t>
    <rPh sb="0" eb="3">
      <t>カワサキシ</t>
    </rPh>
    <rPh sb="3" eb="6">
      <t>ナカハラク</t>
    </rPh>
    <rPh sb="6" eb="9">
      <t>コスギチョウ</t>
    </rPh>
    <phoneticPr fontId="3"/>
  </si>
  <si>
    <t>川崎市高津区溝口１－６－１２　リンクス溝の口　２階</t>
    <phoneticPr fontId="3"/>
  </si>
  <si>
    <t>藤沢市鵠沼神明５－６－１０</t>
    <phoneticPr fontId="3"/>
  </si>
  <si>
    <t>海老名市上今泉６－１３－１７</t>
    <rPh sb="0" eb="4">
      <t>エビナシ</t>
    </rPh>
    <rPh sb="4" eb="7">
      <t>カミイマイズミ</t>
    </rPh>
    <phoneticPr fontId="3"/>
  </si>
  <si>
    <t>海老名市社家５－６７６ほか１筆</t>
    <rPh sb="0" eb="4">
      <t>エビナシ</t>
    </rPh>
    <rPh sb="4" eb="6">
      <t>シャケ</t>
    </rPh>
    <rPh sb="14" eb="15">
      <t>フデ</t>
    </rPh>
    <phoneticPr fontId="3"/>
  </si>
  <si>
    <t>座間市入谷西５－１０－１</t>
    <rPh sb="0" eb="3">
      <t>ザマシ</t>
    </rPh>
    <rPh sb="3" eb="5">
      <t>イリヤ</t>
    </rPh>
    <rPh sb="5" eb="6">
      <t>ニシ</t>
    </rPh>
    <phoneticPr fontId="3"/>
  </si>
  <si>
    <t>座間市入谷西２－５３－３４</t>
    <rPh sb="0" eb="3">
      <t>ザマシ</t>
    </rPh>
    <rPh sb="3" eb="5">
      <t>イリヤ</t>
    </rPh>
    <rPh sb="5" eb="6">
      <t>ニシ</t>
    </rPh>
    <phoneticPr fontId="3"/>
  </si>
  <si>
    <t>海老名市今里３－３－３５</t>
    <rPh sb="0" eb="4">
      <t>エビナシ</t>
    </rPh>
    <rPh sb="4" eb="6">
      <t>イマザト</t>
    </rPh>
    <phoneticPr fontId="3"/>
  </si>
  <si>
    <t>平塚市御殿４－１４－１</t>
    <rPh sb="0" eb="3">
      <t>ヒラツカシ</t>
    </rPh>
    <rPh sb="3" eb="5">
      <t>ゴテン</t>
    </rPh>
    <phoneticPr fontId="3"/>
  </si>
  <si>
    <t>横浜市緑区霧が丘６－１６－１</t>
    <phoneticPr fontId="3"/>
  </si>
  <si>
    <t>施設所在市町村</t>
    <rPh sb="0" eb="2">
      <t>シセツ</t>
    </rPh>
    <rPh sb="2" eb="4">
      <t>ショザイ</t>
    </rPh>
    <rPh sb="4" eb="7">
      <t>シチョウソン</t>
    </rPh>
    <phoneticPr fontId="3"/>
  </si>
  <si>
    <t>施設設置者</t>
    <rPh sb="0" eb="2">
      <t>シセツ</t>
    </rPh>
    <rPh sb="2" eb="4">
      <t>セッチ</t>
    </rPh>
    <rPh sb="4" eb="5">
      <t>シャ</t>
    </rPh>
    <phoneticPr fontId="3"/>
  </si>
  <si>
    <t>団体コード</t>
    <rPh sb="0" eb="2">
      <t>ダンタイ</t>
    </rPh>
    <phoneticPr fontId="3"/>
  </si>
  <si>
    <t>横須賀市坂本町６－１８</t>
    <rPh sb="0" eb="4">
      <t>ヨコスカシ</t>
    </rPh>
    <phoneticPr fontId="3"/>
  </si>
  <si>
    <t>伊勢原市</t>
    <phoneticPr fontId="3"/>
  </si>
  <si>
    <t>備考　「団体コード」とは、情報処理の効率化と円滑化に資するため、コード標準化の一環として、総務省（当時：自治省）が昭和43年に全国の都道府県及び市区町村のコードを設定したものです。</t>
    <rPh sb="0" eb="2">
      <t>ビコウ</t>
    </rPh>
    <rPh sb="4" eb="6">
      <t>ダンタイ</t>
    </rPh>
    <phoneticPr fontId="3"/>
  </si>
  <si>
    <t>横浜市泉区下飯田町ほか</t>
    <rPh sb="0" eb="3">
      <t>ヨコハマシ</t>
    </rPh>
    <rPh sb="3" eb="5">
      <t>イズミク</t>
    </rPh>
    <rPh sb="5" eb="6">
      <t>シモ</t>
    </rPh>
    <rPh sb="6" eb="8">
      <t>イイダ</t>
    </rPh>
    <rPh sb="8" eb="9">
      <t>マチ</t>
    </rPh>
    <phoneticPr fontId="3"/>
  </si>
  <si>
    <t>備考（注意事項等）</t>
    <rPh sb="3" eb="5">
      <t>チュウイ</t>
    </rPh>
    <rPh sb="5" eb="7">
      <t>ジコウ</t>
    </rPh>
    <rPh sb="7" eb="8">
      <t>トウ</t>
    </rPh>
    <phoneticPr fontId="3"/>
  </si>
  <si>
    <t>横浜市中区本牧間門４０－１</t>
    <phoneticPr fontId="3"/>
  </si>
  <si>
    <t>市立川崎病院</t>
    <rPh sb="0" eb="2">
      <t>シリツ</t>
    </rPh>
    <rPh sb="2" eb="6">
      <t>カワサキビョウイン</t>
    </rPh>
    <phoneticPr fontId="3"/>
  </si>
  <si>
    <t>川崎市</t>
    <rPh sb="0" eb="3">
      <t>カワサキシ</t>
    </rPh>
    <phoneticPr fontId="3"/>
  </si>
  <si>
    <t>川崎市川崎区新川通１２－１</t>
    <rPh sb="0" eb="3">
      <t>カワサキシ</t>
    </rPh>
    <rPh sb="3" eb="6">
      <t>カワサキク</t>
    </rPh>
    <rPh sb="6" eb="9">
      <t>シンカワドオリ</t>
    </rPh>
    <phoneticPr fontId="3"/>
  </si>
  <si>
    <t>車椅子使用者用駐車区画に空車があるとき優先駐車区画として使用</t>
    <rPh sb="0" eb="3">
      <t>クルマイス</t>
    </rPh>
    <rPh sb="3" eb="6">
      <t>シヨウシャ</t>
    </rPh>
    <rPh sb="6" eb="7">
      <t>ヨウ</t>
    </rPh>
    <rPh sb="7" eb="11">
      <t>チュウシャクカク</t>
    </rPh>
    <rPh sb="12" eb="13">
      <t>クウ</t>
    </rPh>
    <rPh sb="13" eb="14">
      <t>クルマ</t>
    </rPh>
    <rPh sb="19" eb="21">
      <t>ユウセン</t>
    </rPh>
    <rPh sb="21" eb="23">
      <t>チュウシャ</t>
    </rPh>
    <rPh sb="23" eb="25">
      <t>クカク</t>
    </rPh>
    <rPh sb="28" eb="30">
      <t>シヨウ</t>
    </rPh>
    <phoneticPr fontId="3"/>
  </si>
  <si>
    <t>川崎マリエン</t>
    <rPh sb="0" eb="2">
      <t>カワサキ</t>
    </rPh>
    <phoneticPr fontId="3"/>
  </si>
  <si>
    <t>川崎市川崎区東扇島３８－１</t>
    <rPh sb="0" eb="9">
      <t>カワサキシカワサキクヒガシオウギシマ</t>
    </rPh>
    <phoneticPr fontId="3"/>
  </si>
  <si>
    <t>カルッツかわさき</t>
    <phoneticPr fontId="3"/>
  </si>
  <si>
    <t>川崎市川崎区富士見１－１－４</t>
    <rPh sb="0" eb="3">
      <t>カワサキシ</t>
    </rPh>
    <rPh sb="3" eb="6">
      <t>カワサキク</t>
    </rPh>
    <rPh sb="6" eb="9">
      <t>フジミ</t>
    </rPh>
    <phoneticPr fontId="3"/>
  </si>
  <si>
    <t>川崎市役所本庁舎</t>
    <rPh sb="0" eb="5">
      <t>カワサキシヤクショ</t>
    </rPh>
    <rPh sb="5" eb="8">
      <t>ホンチョウシャ</t>
    </rPh>
    <phoneticPr fontId="3"/>
  </si>
  <si>
    <t>川崎市川崎区宮本町１</t>
    <rPh sb="0" eb="3">
      <t>カワサキシ</t>
    </rPh>
    <rPh sb="3" eb="6">
      <t>カワサキク</t>
    </rPh>
    <rPh sb="6" eb="9">
      <t>ミヤモトチョウ</t>
    </rPh>
    <phoneticPr fontId="3"/>
  </si>
  <si>
    <t>道路公園センター</t>
    <rPh sb="0" eb="4">
      <t>ドウロコウエン</t>
    </rPh>
    <phoneticPr fontId="3"/>
  </si>
  <si>
    <t>川崎市川崎区大島１－２５－１0</t>
    <rPh sb="0" eb="3">
      <t>カワサキシ</t>
    </rPh>
    <phoneticPr fontId="3"/>
  </si>
  <si>
    <t>大師公園</t>
    <rPh sb="0" eb="4">
      <t>ダイシコウエン</t>
    </rPh>
    <phoneticPr fontId="3"/>
  </si>
  <si>
    <t>川崎市川崎区大師公園１</t>
    <rPh sb="3" eb="6">
      <t>カワサキク</t>
    </rPh>
    <rPh sb="6" eb="10">
      <t>ダイシコウエン</t>
    </rPh>
    <phoneticPr fontId="3"/>
  </si>
  <si>
    <t>浮島処理センター</t>
    <rPh sb="0" eb="4">
      <t>ウキシマショリ</t>
    </rPh>
    <phoneticPr fontId="3"/>
  </si>
  <si>
    <t>川崎市川崎区浮島町５０９－１</t>
    <rPh sb="6" eb="9">
      <t>ウキシマチョウ</t>
    </rPh>
    <phoneticPr fontId="3"/>
  </si>
  <si>
    <t>ちどり公園</t>
    <rPh sb="3" eb="5">
      <t>コウエン</t>
    </rPh>
    <phoneticPr fontId="3"/>
  </si>
  <si>
    <t>川崎市川崎区千鳥町９－１</t>
  </si>
  <si>
    <t>東扇島東公園</t>
    <rPh sb="0" eb="3">
      <t>ヒガシオウギシマ</t>
    </rPh>
    <rPh sb="3" eb="6">
      <t>ヒガシコウエン</t>
    </rPh>
    <phoneticPr fontId="3"/>
  </si>
  <si>
    <t>川崎市川崎区東扇島５８－１</t>
  </si>
  <si>
    <t>東扇島西公園</t>
    <rPh sb="0" eb="3">
      <t>ヒガシオウギシマ</t>
    </rPh>
    <rPh sb="3" eb="4">
      <t>ニシ</t>
    </rPh>
    <rPh sb="4" eb="6">
      <t>コウエン</t>
    </rPh>
    <phoneticPr fontId="3"/>
  </si>
  <si>
    <t>川崎市川崎区東扇島９４－１</t>
  </si>
  <si>
    <t>かわさきエコ暮らし未来館</t>
    <phoneticPr fontId="3"/>
  </si>
  <si>
    <t>川崎市川崎区浮島町５0９－１
浮島処理センター内</t>
  </si>
  <si>
    <t>かわさき新産業創造センター</t>
    <rPh sb="4" eb="9">
      <t>シンサンギョウソウゾウ</t>
    </rPh>
    <phoneticPr fontId="3"/>
  </si>
  <si>
    <t>川崎市幸区新川崎７－７</t>
    <rPh sb="0" eb="3">
      <t>カワサキシ</t>
    </rPh>
    <rPh sb="3" eb="5">
      <t>サイワイク</t>
    </rPh>
    <rPh sb="5" eb="8">
      <t>シンカワサキ</t>
    </rPh>
    <phoneticPr fontId="3"/>
  </si>
  <si>
    <t>日吉合同庁舎</t>
    <rPh sb="0" eb="6">
      <t>ヒヨシゴウドウチョウシャ</t>
    </rPh>
    <phoneticPr fontId="3"/>
  </si>
  <si>
    <t>川崎市幸区南加瀬１－７－１７</t>
    <rPh sb="0" eb="8">
      <t>カワサキシサイワイクミナミカセ</t>
    </rPh>
    <phoneticPr fontId="3"/>
  </si>
  <si>
    <t>臨時駐車は16：30で閉鎖</t>
    <rPh sb="0" eb="4">
      <t>リンジチュウシャ</t>
    </rPh>
    <rPh sb="11" eb="13">
      <t>ヘイサ</t>
    </rPh>
    <phoneticPr fontId="3"/>
  </si>
  <si>
    <t>川崎市地方卸売市場南部市場</t>
    <rPh sb="0" eb="3">
      <t>カワサキシ</t>
    </rPh>
    <rPh sb="3" eb="9">
      <t>チホウオロシウリシジョウ</t>
    </rPh>
    <rPh sb="9" eb="13">
      <t>ナンブシジョウ</t>
    </rPh>
    <phoneticPr fontId="3"/>
  </si>
  <si>
    <t>川崎市幸区南幸町３－１２６－１</t>
    <rPh sb="0" eb="3">
      <t>カワサキシ</t>
    </rPh>
    <rPh sb="3" eb="5">
      <t>サイワイク</t>
    </rPh>
    <rPh sb="5" eb="8">
      <t>ミナミサイワイチョウ</t>
    </rPh>
    <phoneticPr fontId="3"/>
  </si>
  <si>
    <t>幸区役所駐車場</t>
    <rPh sb="0" eb="4">
      <t>サイワイクヤクショ</t>
    </rPh>
    <rPh sb="4" eb="7">
      <t>チュウシャジョウ</t>
    </rPh>
    <phoneticPr fontId="3"/>
  </si>
  <si>
    <t>川崎市幸区戸手本町１－１１－１ほか</t>
    <rPh sb="3" eb="5">
      <t>サイワイク</t>
    </rPh>
    <rPh sb="5" eb="7">
      <t>トデ</t>
    </rPh>
    <rPh sb="7" eb="8">
      <t>ホン</t>
    </rPh>
    <rPh sb="8" eb="9">
      <t>マチ</t>
    </rPh>
    <phoneticPr fontId="3"/>
  </si>
  <si>
    <t>井田病院</t>
    <rPh sb="0" eb="2">
      <t>イダ</t>
    </rPh>
    <rPh sb="2" eb="4">
      <t>ビョウイン</t>
    </rPh>
    <phoneticPr fontId="3"/>
  </si>
  <si>
    <t>川崎市中原区井田２－２７－１</t>
    <rPh sb="0" eb="3">
      <t>カワサキシ</t>
    </rPh>
    <rPh sb="3" eb="6">
      <t>ナカハラク</t>
    </rPh>
    <rPh sb="6" eb="8">
      <t>イダ</t>
    </rPh>
    <phoneticPr fontId="3"/>
  </si>
  <si>
    <t>中部リハビリテーションセンター</t>
    <rPh sb="0" eb="2">
      <t>チュウブ</t>
    </rPh>
    <phoneticPr fontId="3"/>
  </si>
  <si>
    <t>川崎市中原区井田３－１６－１</t>
    <rPh sb="0" eb="6">
      <t>カワサキシナカハラク</t>
    </rPh>
    <rPh sb="6" eb="8">
      <t>イダ</t>
    </rPh>
    <phoneticPr fontId="3"/>
  </si>
  <si>
    <t>国際交流センター</t>
    <rPh sb="0" eb="4">
      <t>コクサイコウリュウ</t>
    </rPh>
    <phoneticPr fontId="3"/>
  </si>
  <si>
    <t>川崎市中原区木月祗園町２ー２</t>
    <rPh sb="0" eb="3">
      <t>カワサキシ</t>
    </rPh>
    <rPh sb="3" eb="6">
      <t>ナカハラク</t>
    </rPh>
    <rPh sb="6" eb="8">
      <t>キヅキ</t>
    </rPh>
    <rPh sb="8" eb="11">
      <t>ギオンチョウ</t>
    </rPh>
    <phoneticPr fontId="3"/>
  </si>
  <si>
    <t>中原区役所</t>
    <rPh sb="0" eb="5">
      <t>ナカハラクヤクショ</t>
    </rPh>
    <phoneticPr fontId="3"/>
  </si>
  <si>
    <t>川崎市中原区小杉町３－２４５</t>
    <rPh sb="0" eb="3">
      <t>カワサキシ</t>
    </rPh>
    <rPh sb="3" eb="6">
      <t>ナカハラク</t>
    </rPh>
    <rPh sb="6" eb="9">
      <t>コスギマチ</t>
    </rPh>
    <phoneticPr fontId="3"/>
  </si>
  <si>
    <t>高津区役所</t>
    <rPh sb="0" eb="5">
      <t>タカツクヤクショ</t>
    </rPh>
    <phoneticPr fontId="3"/>
  </si>
  <si>
    <t>川崎市高津区下作延２－８－１</t>
    <rPh sb="0" eb="3">
      <t>カワサキシ</t>
    </rPh>
    <rPh sb="3" eb="6">
      <t>タカツク</t>
    </rPh>
    <rPh sb="6" eb="9">
      <t>シモサクノベ</t>
    </rPh>
    <phoneticPr fontId="3"/>
  </si>
  <si>
    <t>川崎市生活文化会館</t>
    <rPh sb="0" eb="9">
      <t>カワサキシセイカツブンカカイカン</t>
    </rPh>
    <phoneticPr fontId="3"/>
  </si>
  <si>
    <t>川崎市高津区溝口１－６－１0</t>
    <rPh sb="0" eb="6">
      <t>カワサキシタカツク</t>
    </rPh>
    <rPh sb="6" eb="8">
      <t>ミゾノクチ</t>
    </rPh>
    <phoneticPr fontId="3"/>
  </si>
  <si>
    <t>男女共同参画センター</t>
    <rPh sb="0" eb="6">
      <t>ダンジョキョウドウサンカク</t>
    </rPh>
    <phoneticPr fontId="3"/>
  </si>
  <si>
    <t>川崎市高津区溝口２－２０－１</t>
    <rPh sb="0" eb="3">
      <t>カワサキシ</t>
    </rPh>
    <rPh sb="3" eb="6">
      <t>タカツク</t>
    </rPh>
    <rPh sb="6" eb="8">
      <t>ミゾノクチ</t>
    </rPh>
    <phoneticPr fontId="3"/>
  </si>
  <si>
    <t>総合教育センター</t>
    <rPh sb="0" eb="4">
      <t>ソウゴウキョウイク</t>
    </rPh>
    <phoneticPr fontId="3"/>
  </si>
  <si>
    <t>川崎市高津区溝口６－９－３</t>
    <rPh sb="0" eb="3">
      <t>カワサキシ</t>
    </rPh>
    <rPh sb="3" eb="6">
      <t>タカツク</t>
    </rPh>
    <rPh sb="6" eb="8">
      <t>ミゾノクチ</t>
    </rPh>
    <phoneticPr fontId="3"/>
  </si>
  <si>
    <t>川崎市民プラザ</t>
    <rPh sb="0" eb="2">
      <t>カワサキ</t>
    </rPh>
    <rPh sb="2" eb="4">
      <t>シミン</t>
    </rPh>
    <phoneticPr fontId="3"/>
  </si>
  <si>
    <t>川崎市高津区新作１－１９－１</t>
  </si>
  <si>
    <t>川崎市農業技術支援センター</t>
    <rPh sb="0" eb="3">
      <t>カワサキシ</t>
    </rPh>
    <rPh sb="3" eb="9">
      <t>ノウギョウギジュツシエン</t>
    </rPh>
    <phoneticPr fontId="3"/>
  </si>
  <si>
    <t>川崎市多摩区菅仙谷３－１７－１</t>
    <rPh sb="0" eb="3">
      <t>カワサキシ</t>
    </rPh>
    <rPh sb="3" eb="6">
      <t>タマク</t>
    </rPh>
    <rPh sb="6" eb="9">
      <t>スゲセンゴク</t>
    </rPh>
    <phoneticPr fontId="3"/>
  </si>
  <si>
    <t>多摩生活環境事業所</t>
    <rPh sb="0" eb="9">
      <t>タマセイカツカンキョウジギョウショ</t>
    </rPh>
    <phoneticPr fontId="3"/>
  </si>
  <si>
    <t>川崎市多摩区枡形１－１４－１</t>
    <rPh sb="0" eb="3">
      <t>カワサキシ</t>
    </rPh>
    <rPh sb="3" eb="6">
      <t>タマク</t>
    </rPh>
    <rPh sb="6" eb="8">
      <t>マスガタ</t>
    </rPh>
    <phoneticPr fontId="3"/>
  </si>
  <si>
    <t>多摩スポーツセンター</t>
    <rPh sb="0" eb="2">
      <t>タマ</t>
    </rPh>
    <phoneticPr fontId="3"/>
  </si>
  <si>
    <t>川崎市多摩区菅北浦４－１２－５</t>
    <rPh sb="3" eb="6">
      <t>タマク</t>
    </rPh>
    <rPh sb="6" eb="9">
      <t>スゲキタウラ</t>
    </rPh>
    <phoneticPr fontId="3"/>
  </si>
  <si>
    <t>多摩区役所</t>
    <rPh sb="0" eb="5">
      <t>タマクヤクショ</t>
    </rPh>
    <phoneticPr fontId="3"/>
  </si>
  <si>
    <t>川崎市多摩区登戸１７７５－１</t>
    <rPh sb="3" eb="6">
      <t>タマク</t>
    </rPh>
    <rPh sb="6" eb="8">
      <t>ノボリト</t>
    </rPh>
    <phoneticPr fontId="3"/>
  </si>
  <si>
    <t>川崎市立多摩病院</t>
    <phoneticPr fontId="3"/>
  </si>
  <si>
    <t>川崎市多摩区宿河原１－３0－３７</t>
  </si>
  <si>
    <t>川崎市中央卸売市場
北部市場</t>
    <rPh sb="0" eb="3">
      <t>カワサキシ</t>
    </rPh>
    <rPh sb="3" eb="5">
      <t>チュウオウ</t>
    </rPh>
    <rPh sb="5" eb="9">
      <t>オロシウリシジョウ</t>
    </rPh>
    <rPh sb="10" eb="14">
      <t>ホクブシジョウ</t>
    </rPh>
    <phoneticPr fontId="3"/>
  </si>
  <si>
    <t>川崎市宮前区水沢１‐１－１</t>
    <rPh sb="0" eb="3">
      <t>カワサキシ</t>
    </rPh>
    <rPh sb="3" eb="8">
      <t>ミヤマエクミズサワ</t>
    </rPh>
    <phoneticPr fontId="3"/>
  </si>
  <si>
    <t>宮前生活環境事業所</t>
    <rPh sb="0" eb="9">
      <t>ミヤマエセイカツカンキョウジギョウショ</t>
    </rPh>
    <phoneticPr fontId="3"/>
  </si>
  <si>
    <t>川崎市宮前区宮崎１７２</t>
    <rPh sb="0" eb="3">
      <t>カワサキシ</t>
    </rPh>
    <rPh sb="3" eb="6">
      <t>ミヤマエク</t>
    </rPh>
    <rPh sb="6" eb="8">
      <t>ミヤザキ</t>
    </rPh>
    <phoneticPr fontId="3"/>
  </si>
  <si>
    <t>宮前区役所総合庁舎</t>
    <rPh sb="0" eb="3">
      <t>ミヤマエク</t>
    </rPh>
    <rPh sb="3" eb="5">
      <t>ヤクショ</t>
    </rPh>
    <rPh sb="5" eb="7">
      <t>ソウゴウ</t>
    </rPh>
    <rPh sb="7" eb="9">
      <t>チョウシャ</t>
    </rPh>
    <phoneticPr fontId="3"/>
  </si>
  <si>
    <t>川崎市宮前区宮前平２－２0－４、－５</t>
    <rPh sb="0" eb="3">
      <t>カワサキシ</t>
    </rPh>
    <rPh sb="3" eb="6">
      <t>ミヤマエク</t>
    </rPh>
    <rPh sb="6" eb="9">
      <t>ミヤマエダイラ</t>
    </rPh>
    <phoneticPr fontId="3"/>
  </si>
  <si>
    <t>西部下水道管理事務所</t>
    <rPh sb="0" eb="2">
      <t>セイブ</t>
    </rPh>
    <rPh sb="2" eb="5">
      <t>ゲスイドウ</t>
    </rPh>
    <rPh sb="5" eb="7">
      <t>カンリ</t>
    </rPh>
    <rPh sb="7" eb="9">
      <t>ジム</t>
    </rPh>
    <rPh sb="9" eb="10">
      <t>ショ</t>
    </rPh>
    <phoneticPr fontId="3"/>
  </si>
  <si>
    <t>川崎市宮前区有馬１－２１－６</t>
    <rPh sb="3" eb="6">
      <t>ミヤマエク</t>
    </rPh>
    <rPh sb="6" eb="8">
      <t>アリマ</t>
    </rPh>
    <phoneticPr fontId="3"/>
  </si>
  <si>
    <t>王禅寺余熱利用市民施設（ヨネッティー王禅寺）</t>
    <rPh sb="0" eb="11">
      <t>オウゼンジヨネツリヨウシミンシセツ</t>
    </rPh>
    <rPh sb="18" eb="21">
      <t>オウゼンジ</t>
    </rPh>
    <phoneticPr fontId="3"/>
  </si>
  <si>
    <t>川崎市麻生区王禅寺１３２１</t>
    <rPh sb="0" eb="3">
      <t>カワサキシ</t>
    </rPh>
    <rPh sb="3" eb="6">
      <t>アサオク</t>
    </rPh>
    <rPh sb="6" eb="9">
      <t>オウゼンジ</t>
    </rPh>
    <phoneticPr fontId="3"/>
  </si>
  <si>
    <t>麻生区役所</t>
    <rPh sb="0" eb="5">
      <t>アサオクヤクショ</t>
    </rPh>
    <phoneticPr fontId="3"/>
  </si>
  <si>
    <t>川崎市麻生区万福寺１－５－１</t>
    <rPh sb="0" eb="3">
      <t>カワサキシ</t>
    </rPh>
    <rPh sb="3" eb="6">
      <t>アサオク</t>
    </rPh>
    <rPh sb="6" eb="9">
      <t>マンプクジ</t>
    </rPh>
    <phoneticPr fontId="3"/>
  </si>
  <si>
    <t>北部下水道管理事務所</t>
    <rPh sb="0" eb="10">
      <t>ホクブゲスイドウカンリジムショ</t>
    </rPh>
    <phoneticPr fontId="3"/>
  </si>
  <si>
    <t>川崎市麻生区高石４－１５－７</t>
    <rPh sb="3" eb="5">
      <t>アサオ</t>
    </rPh>
    <rPh sb="5" eb="6">
      <t>ク</t>
    </rPh>
    <rPh sb="6" eb="8">
      <t>タカイシ</t>
    </rPh>
    <phoneticPr fontId="3"/>
  </si>
  <si>
    <t>王禅寺エコ暮らし環境館</t>
    <rPh sb="0" eb="3">
      <t>オウゼンジ</t>
    </rPh>
    <rPh sb="5" eb="6">
      <t>ク</t>
    </rPh>
    <rPh sb="8" eb="10">
      <t>カンキョウ</t>
    </rPh>
    <rPh sb="10" eb="11">
      <t>カン</t>
    </rPh>
    <phoneticPr fontId="3"/>
  </si>
  <si>
    <t>川崎市麻生区王禅寺１２８５</t>
    <phoneticPr fontId="3"/>
  </si>
  <si>
    <t>藤沢市打戻１７６0－１</t>
    <rPh sb="0" eb="3">
      <t>フジサワシ</t>
    </rPh>
    <rPh sb="3" eb="5">
      <t>ウチモドリ</t>
    </rPh>
    <phoneticPr fontId="3"/>
  </si>
  <si>
    <t>藤沢市遠藤２0１３－１７</t>
    <rPh sb="0" eb="3">
      <t>フジサワシ</t>
    </rPh>
    <rPh sb="3" eb="5">
      <t>エンドウ</t>
    </rPh>
    <phoneticPr fontId="3"/>
  </si>
  <si>
    <t>藤沢市遠藤４８４0</t>
    <rPh sb="0" eb="3">
      <t>フジサワシ</t>
    </rPh>
    <rPh sb="3" eb="5">
      <t>エンドウ</t>
    </rPh>
    <phoneticPr fontId="3"/>
  </si>
  <si>
    <t>藤沢市大庭５４0６－１</t>
    <rPh sb="0" eb="3">
      <t>フジサワシ</t>
    </rPh>
    <rPh sb="3" eb="5">
      <t>オオバ</t>
    </rPh>
    <phoneticPr fontId="3"/>
  </si>
  <si>
    <t>藤沢市鵠沼海岸２－１0－３４</t>
    <rPh sb="0" eb="3">
      <t>フジサワシ</t>
    </rPh>
    <rPh sb="3" eb="5">
      <t>クゲヌマ</t>
    </rPh>
    <rPh sb="5" eb="7">
      <t>カイガン</t>
    </rPh>
    <phoneticPr fontId="3"/>
  </si>
  <si>
    <t>藤沢市藤沢１0３１
アーバンセンター藤沢２階</t>
    <rPh sb="0" eb="5">
      <t>フジサワシフジサワ</t>
    </rPh>
    <rPh sb="18" eb="20">
      <t>フジサワ</t>
    </rPh>
    <rPh sb="21" eb="22">
      <t>カイ</t>
    </rPh>
    <phoneticPr fontId="3"/>
  </si>
  <si>
    <t>秋葉台文化体育館</t>
    <phoneticPr fontId="3"/>
  </si>
  <si>
    <t>藤沢市遠藤２000－１</t>
  </si>
  <si>
    <t>下土棚遊水地公園</t>
    <phoneticPr fontId="3"/>
  </si>
  <si>
    <t>藤沢市下土棚８00－１</t>
  </si>
  <si>
    <t>鵠沼運動公園（八部公園）</t>
    <phoneticPr fontId="3"/>
  </si>
  <si>
    <t>奥田公園</t>
    <phoneticPr fontId="3"/>
  </si>
  <si>
    <t>総合市民図書館</t>
    <phoneticPr fontId="3"/>
  </si>
  <si>
    <t>藤沢聖苑</t>
    <rPh sb="0" eb="4">
      <t>フジサワセイエン</t>
    </rPh>
    <phoneticPr fontId="3"/>
  </si>
  <si>
    <t>藤沢市斎場</t>
    <rPh sb="0" eb="3">
      <t>フジサワシ</t>
    </rPh>
    <rPh sb="3" eb="5">
      <t>サイジョウ</t>
    </rPh>
    <phoneticPr fontId="3"/>
  </si>
  <si>
    <t>大庭城址公園</t>
    <phoneticPr fontId="3"/>
  </si>
  <si>
    <t>藤沢市大庭５２３0－１</t>
  </si>
  <si>
    <t>湘南大庭市民図書館</t>
    <phoneticPr fontId="3"/>
  </si>
  <si>
    <t>藤沢市大庭５４0６－４</t>
  </si>
  <si>
    <t>引地川親水公園</t>
    <phoneticPr fontId="3"/>
  </si>
  <si>
    <t>藤沢市大庭６５１0</t>
  </si>
  <si>
    <t>辻堂市民図書館</t>
    <phoneticPr fontId="3"/>
  </si>
  <si>
    <t>藤沢市本藤沢１－１0－１</t>
  </si>
  <si>
    <t>小田原市飯田岡３８２－の２</t>
    <rPh sb="0" eb="4">
      <t>オダワラシ</t>
    </rPh>
    <rPh sb="4" eb="7">
      <t>イイダオカ</t>
    </rPh>
    <phoneticPr fontId="3"/>
  </si>
  <si>
    <t>小田原市荻窪３00</t>
    <rPh sb="0" eb="6">
      <t>オダワラシオギクボ</t>
    </rPh>
    <phoneticPr fontId="3"/>
  </si>
  <si>
    <t>小田原市栢山２0６５－１</t>
    <rPh sb="0" eb="4">
      <t>オダワラシ</t>
    </rPh>
    <rPh sb="4" eb="6">
      <t>カヤマ</t>
    </rPh>
    <phoneticPr fontId="3"/>
  </si>
  <si>
    <t>小田原市寿町５－２３－３0</t>
    <rPh sb="0" eb="4">
      <t>オダワラシ</t>
    </rPh>
    <rPh sb="4" eb="6">
      <t>コトブキチョウ</t>
    </rPh>
    <phoneticPr fontId="3"/>
  </si>
  <si>
    <t>小田原市高田４0１</t>
    <rPh sb="0" eb="4">
      <t>オダワラシ</t>
    </rPh>
    <rPh sb="4" eb="6">
      <t>タカダ</t>
    </rPh>
    <phoneticPr fontId="3"/>
  </si>
  <si>
    <t>小田原市早川１－２８</t>
    <rPh sb="0" eb="4">
      <t>オダワラシ</t>
    </rPh>
    <rPh sb="4" eb="6">
      <t>ハヤカワ</t>
    </rPh>
    <phoneticPr fontId="3"/>
  </si>
  <si>
    <t>小田原市早川１３５２－１１0</t>
    <rPh sb="0" eb="4">
      <t>オダワラシ</t>
    </rPh>
    <rPh sb="4" eb="6">
      <t>ハヤカワ</t>
    </rPh>
    <phoneticPr fontId="3"/>
  </si>
  <si>
    <t>小田原市本町１－７－５0</t>
    <rPh sb="0" eb="4">
      <t>オダワラシ</t>
    </rPh>
    <rPh sb="4" eb="6">
      <t>ホンチョウ</t>
    </rPh>
    <phoneticPr fontId="3"/>
  </si>
  <si>
    <t>小田原市城山２－２９－１</t>
    <rPh sb="4" eb="6">
      <t>シロヤマ</t>
    </rPh>
    <phoneticPr fontId="3"/>
  </si>
  <si>
    <t>小田原市中曽根２６３</t>
    <rPh sb="4" eb="7">
      <t>ナカソネ</t>
    </rPh>
    <phoneticPr fontId="3"/>
  </si>
  <si>
    <t>小田原市蓮正寺８３－１</t>
    <rPh sb="4" eb="7">
      <t>レンショウジ</t>
    </rPh>
    <phoneticPr fontId="3"/>
  </si>
  <si>
    <t>小田原市曽我別所８0７－１７</t>
  </si>
  <si>
    <t>小田原市本町１－７－５0</t>
  </si>
  <si>
    <t>厚木市立 緑ケ丘公民館</t>
    <rPh sb="0" eb="4">
      <t>アツギシリツ</t>
    </rPh>
    <phoneticPr fontId="3"/>
  </si>
  <si>
    <t>厚木市</t>
    <rPh sb="0" eb="3">
      <t>アツギシ</t>
    </rPh>
    <phoneticPr fontId="3"/>
  </si>
  <si>
    <t>厚木市緑ケ丘２－２－１</t>
    <rPh sb="0" eb="3">
      <t>アツギシ</t>
    </rPh>
    <rPh sb="3" eb="6">
      <t>ミドリガオカ</t>
    </rPh>
    <phoneticPr fontId="3"/>
  </si>
  <si>
    <t>厚木市立愛甲公民館</t>
    <rPh sb="0" eb="2">
      <t>アツギ</t>
    </rPh>
    <rPh sb="2" eb="4">
      <t>シリツ</t>
    </rPh>
    <phoneticPr fontId="3"/>
  </si>
  <si>
    <t>厚木市愛甲西１－１７－１</t>
    <rPh sb="0" eb="3">
      <t>アツギシ</t>
    </rPh>
    <rPh sb="3" eb="5">
      <t>アイコウ</t>
    </rPh>
    <rPh sb="5" eb="6">
      <t>ニシ</t>
    </rPh>
    <phoneticPr fontId="3"/>
  </si>
  <si>
    <t>厚木南公民館・地区市民センター</t>
    <rPh sb="7" eb="11">
      <t>チクシミン</t>
    </rPh>
    <phoneticPr fontId="3"/>
  </si>
  <si>
    <t>厚木市旭町２－４－１８</t>
    <rPh sb="0" eb="2">
      <t>アツギ</t>
    </rPh>
    <rPh sb="2" eb="3">
      <t>シ</t>
    </rPh>
    <rPh sb="3" eb="5">
      <t>アサヒチョウ</t>
    </rPh>
    <phoneticPr fontId="3"/>
  </si>
  <si>
    <t>小鮎公民館</t>
    <phoneticPr fontId="3"/>
  </si>
  <si>
    <t>厚木市飯山南１－４５－６</t>
    <rPh sb="0" eb="3">
      <t>アツギシ</t>
    </rPh>
    <rPh sb="3" eb="5">
      <t>イイヤマ</t>
    </rPh>
    <rPh sb="5" eb="6">
      <t>ミナミ</t>
    </rPh>
    <phoneticPr fontId="3"/>
  </si>
  <si>
    <t>睦合西公民館</t>
    <rPh sb="0" eb="6">
      <t>ムツアイニシコウミンカン</t>
    </rPh>
    <phoneticPr fontId="3"/>
  </si>
  <si>
    <t>厚木市及川６６７</t>
    <rPh sb="0" eb="3">
      <t>アツギシ</t>
    </rPh>
    <rPh sb="3" eb="5">
      <t>オイガワ</t>
    </rPh>
    <phoneticPr fontId="3"/>
  </si>
  <si>
    <t>ぼうさいの丘公園</t>
    <rPh sb="5" eb="6">
      <t>オカ</t>
    </rPh>
    <rPh sb="6" eb="8">
      <t>コウエン</t>
    </rPh>
    <phoneticPr fontId="3"/>
  </si>
  <si>
    <t>厚木市温水７８３－１</t>
    <rPh sb="0" eb="3">
      <t>アツギシ</t>
    </rPh>
    <rPh sb="3" eb="5">
      <t>オンスイ</t>
    </rPh>
    <phoneticPr fontId="3"/>
  </si>
  <si>
    <t>厚木市ふれあいプラザ</t>
    <rPh sb="0" eb="3">
      <t>アツギシ</t>
    </rPh>
    <phoneticPr fontId="3"/>
  </si>
  <si>
    <t>厚木市金田１１５６</t>
    <rPh sb="0" eb="3">
      <t>アツギシ</t>
    </rPh>
    <rPh sb="3" eb="5">
      <t>カネダ</t>
    </rPh>
    <phoneticPr fontId="3"/>
  </si>
  <si>
    <t>依知北公民館・地区市民センター</t>
    <rPh sb="7" eb="11">
      <t>チクシミン</t>
    </rPh>
    <phoneticPr fontId="3"/>
  </si>
  <si>
    <t>厚木市上依知１３１３－１</t>
    <rPh sb="0" eb="3">
      <t>アツギシ</t>
    </rPh>
    <rPh sb="3" eb="6">
      <t>カミエチ</t>
    </rPh>
    <phoneticPr fontId="3"/>
  </si>
  <si>
    <t>荻野公民館上荻野分館</t>
    <phoneticPr fontId="3"/>
  </si>
  <si>
    <t>厚木市上荻野１９２５－１</t>
    <rPh sb="0" eb="3">
      <t>アツギシ</t>
    </rPh>
    <rPh sb="3" eb="6">
      <t>カミオギノ</t>
    </rPh>
    <phoneticPr fontId="3"/>
  </si>
  <si>
    <t>つつじの丘公園</t>
    <rPh sb="4" eb="5">
      <t>オカ</t>
    </rPh>
    <rPh sb="5" eb="7">
      <t>コウエン</t>
    </rPh>
    <phoneticPr fontId="3"/>
  </si>
  <si>
    <t>厚木市上古沢・森の里</t>
    <rPh sb="0" eb="3">
      <t>アツギシ</t>
    </rPh>
    <rPh sb="3" eb="6">
      <t>カミフルサワ</t>
    </rPh>
    <rPh sb="7" eb="8">
      <t>モリ</t>
    </rPh>
    <rPh sb="9" eb="10">
      <t>サト</t>
    </rPh>
    <phoneticPr fontId="3"/>
  </si>
  <si>
    <t>厚木中央公園地下駐車場</t>
    <rPh sb="0" eb="2">
      <t>アツギ</t>
    </rPh>
    <rPh sb="2" eb="4">
      <t>チュウオウ</t>
    </rPh>
    <rPh sb="4" eb="6">
      <t>コウエン</t>
    </rPh>
    <rPh sb="6" eb="8">
      <t>チカ</t>
    </rPh>
    <rPh sb="8" eb="11">
      <t>チュウシャジョウ</t>
    </rPh>
    <phoneticPr fontId="3"/>
  </si>
  <si>
    <t>厚木市寿町３－２－１</t>
    <rPh sb="0" eb="3">
      <t>アツギシ</t>
    </rPh>
    <rPh sb="3" eb="5">
      <t>コトブキチョウ</t>
    </rPh>
    <phoneticPr fontId="3"/>
  </si>
  <si>
    <t>依知南公民館</t>
    <phoneticPr fontId="3"/>
  </si>
  <si>
    <t>厚木市下依知３－１－７</t>
    <rPh sb="0" eb="3">
      <t>アツギシ</t>
    </rPh>
    <rPh sb="3" eb="6">
      <t>シモエチ</t>
    </rPh>
    <phoneticPr fontId="3"/>
  </si>
  <si>
    <t>相川公民館</t>
    <phoneticPr fontId="3"/>
  </si>
  <si>
    <t>厚木市下津古久７0３－２</t>
    <rPh sb="0" eb="3">
      <t>アツギシ</t>
    </rPh>
    <rPh sb="3" eb="7">
      <t>シモツコク</t>
    </rPh>
    <phoneticPr fontId="3"/>
  </si>
  <si>
    <t>下古沢児童館</t>
    <rPh sb="0" eb="3">
      <t>シモフルサワ</t>
    </rPh>
    <rPh sb="3" eb="6">
      <t>ジドウカン</t>
    </rPh>
    <phoneticPr fontId="3"/>
  </si>
  <si>
    <t>厚木市下古沢２５７－１</t>
    <rPh sb="0" eb="3">
      <t>アツギシ</t>
    </rPh>
    <rPh sb="3" eb="4">
      <t>シモ</t>
    </rPh>
    <rPh sb="4" eb="6">
      <t>フルサワ</t>
    </rPh>
    <phoneticPr fontId="3"/>
  </si>
  <si>
    <t>厚木市斎場</t>
    <rPh sb="0" eb="3">
      <t>アツギシ</t>
    </rPh>
    <rPh sb="3" eb="5">
      <t>サイジョウ</t>
    </rPh>
    <phoneticPr fontId="3"/>
  </si>
  <si>
    <t>厚木市下古沢５４８</t>
    <rPh sb="0" eb="6">
      <t>アツギシシモフルサワ</t>
    </rPh>
    <phoneticPr fontId="3"/>
  </si>
  <si>
    <t>瀬戸むつみ公園</t>
    <rPh sb="0" eb="2">
      <t>セト</t>
    </rPh>
    <rPh sb="5" eb="7">
      <t>コウエン</t>
    </rPh>
    <phoneticPr fontId="3"/>
  </si>
  <si>
    <t>厚木市妻田北２－７</t>
    <rPh sb="0" eb="3">
      <t>アツギシ</t>
    </rPh>
    <rPh sb="3" eb="5">
      <t>ツマダ</t>
    </rPh>
    <rPh sb="5" eb="6">
      <t>キタ</t>
    </rPh>
    <phoneticPr fontId="3"/>
  </si>
  <si>
    <t>荻野運動公園</t>
    <rPh sb="0" eb="2">
      <t>オギノ</t>
    </rPh>
    <rPh sb="2" eb="4">
      <t>ウンドウ</t>
    </rPh>
    <rPh sb="4" eb="6">
      <t>コウエン</t>
    </rPh>
    <phoneticPr fontId="3"/>
  </si>
  <si>
    <t>厚木市中荻野１５00外</t>
    <rPh sb="0" eb="3">
      <t>アツギシ</t>
    </rPh>
    <rPh sb="3" eb="6">
      <t>ナカオギノ</t>
    </rPh>
    <rPh sb="10" eb="11">
      <t>ソト</t>
    </rPh>
    <phoneticPr fontId="3"/>
  </si>
  <si>
    <t>荻野公民館</t>
    <phoneticPr fontId="3"/>
  </si>
  <si>
    <t>厚木市中荻野５９４－１</t>
    <rPh sb="0" eb="3">
      <t>アツギシ</t>
    </rPh>
    <rPh sb="3" eb="4">
      <t>ナカ</t>
    </rPh>
    <rPh sb="4" eb="6">
      <t>オギノ</t>
    </rPh>
    <phoneticPr fontId="3"/>
  </si>
  <si>
    <t>広町公園</t>
    <rPh sb="0" eb="2">
      <t>ヒロマチ</t>
    </rPh>
    <rPh sb="2" eb="4">
      <t>コウエン</t>
    </rPh>
    <phoneticPr fontId="3"/>
  </si>
  <si>
    <t>厚木市中荻野７８３－２外</t>
    <rPh sb="0" eb="3">
      <t>アツギシ</t>
    </rPh>
    <rPh sb="3" eb="6">
      <t>ナカオギノ</t>
    </rPh>
    <rPh sb="11" eb="12">
      <t>ホカ</t>
    </rPh>
    <phoneticPr fontId="3"/>
  </si>
  <si>
    <t>保健福祉センター</t>
    <rPh sb="0" eb="2">
      <t>ホケン</t>
    </rPh>
    <rPh sb="2" eb="4">
      <t>フクシ</t>
    </rPh>
    <phoneticPr fontId="3"/>
  </si>
  <si>
    <t>厚木市中町１－４－１</t>
    <rPh sb="0" eb="3">
      <t>アツギシ</t>
    </rPh>
    <rPh sb="3" eb="5">
      <t>ナカチョウ</t>
    </rPh>
    <phoneticPr fontId="3"/>
  </si>
  <si>
    <t>厚木市中町３－１７－１７</t>
    <rPh sb="0" eb="2">
      <t>アツギ</t>
    </rPh>
    <rPh sb="2" eb="3">
      <t>シ</t>
    </rPh>
    <rPh sb="3" eb="5">
      <t>ナカチョウ</t>
    </rPh>
    <phoneticPr fontId="3"/>
  </si>
  <si>
    <t>玉川公民館</t>
    <phoneticPr fontId="3"/>
  </si>
  <si>
    <t>厚木市七沢１７５－６</t>
    <rPh sb="0" eb="3">
      <t>アツギシ</t>
    </rPh>
    <rPh sb="3" eb="5">
      <t>ナナサワ</t>
    </rPh>
    <phoneticPr fontId="3"/>
  </si>
  <si>
    <t>七沢自然ふれあいセンター</t>
    <rPh sb="0" eb="2">
      <t>ナナサワ</t>
    </rPh>
    <rPh sb="2" eb="4">
      <t>シゼン</t>
    </rPh>
    <phoneticPr fontId="3"/>
  </si>
  <si>
    <t>厚木市七沢２４４０</t>
    <rPh sb="0" eb="3">
      <t>アツギシ</t>
    </rPh>
    <rPh sb="3" eb="5">
      <t>ナナサワ</t>
    </rPh>
    <phoneticPr fontId="3"/>
  </si>
  <si>
    <t>南毛利公民館</t>
    <phoneticPr fontId="3"/>
  </si>
  <si>
    <t>厚木市温水西１－１７－１</t>
    <rPh sb="0" eb="3">
      <t>アツギシ</t>
    </rPh>
    <rPh sb="3" eb="5">
      <t>ヌルミズ</t>
    </rPh>
    <rPh sb="5" eb="6">
      <t>ニシ</t>
    </rPh>
    <phoneticPr fontId="3"/>
  </si>
  <si>
    <t>南毛利学習支援センター</t>
    <rPh sb="0" eb="3">
      <t>ナンモウリ</t>
    </rPh>
    <rPh sb="3" eb="5">
      <t>ガクシュウ</t>
    </rPh>
    <rPh sb="5" eb="7">
      <t>シエン</t>
    </rPh>
    <phoneticPr fontId="3"/>
  </si>
  <si>
    <t>厚木市長谷１０９４－１</t>
    <rPh sb="0" eb="3">
      <t>アツギシ</t>
    </rPh>
    <rPh sb="3" eb="5">
      <t>ハセ</t>
    </rPh>
    <phoneticPr fontId="3"/>
  </si>
  <si>
    <t>メジカルセンター</t>
    <phoneticPr fontId="3"/>
  </si>
  <si>
    <t>厚木市水引１－１６－４５</t>
    <rPh sb="0" eb="3">
      <t>アツギシ</t>
    </rPh>
    <rPh sb="3" eb="5">
      <t>ミズヒキ</t>
    </rPh>
    <phoneticPr fontId="3"/>
  </si>
  <si>
    <t>森の里公民館</t>
    <phoneticPr fontId="3"/>
  </si>
  <si>
    <t>厚木市森の里１－３１－１</t>
    <rPh sb="0" eb="4">
      <t>アツギシモリ</t>
    </rPh>
    <rPh sb="5" eb="6">
      <t>サト</t>
    </rPh>
    <phoneticPr fontId="3"/>
  </si>
  <si>
    <t>若宮公園</t>
    <rPh sb="0" eb="2">
      <t>ワカミヤ</t>
    </rPh>
    <rPh sb="2" eb="4">
      <t>コウエン</t>
    </rPh>
    <phoneticPr fontId="3"/>
  </si>
  <si>
    <t>厚木市森の里１－３８</t>
    <rPh sb="0" eb="3">
      <t>アツギシ</t>
    </rPh>
    <rPh sb="3" eb="4">
      <t>モリ</t>
    </rPh>
    <rPh sb="5" eb="6">
      <t>サト</t>
    </rPh>
    <phoneticPr fontId="3"/>
  </si>
  <si>
    <t>アミューあつぎ（市民交流プラザ）</t>
    <rPh sb="8" eb="10">
      <t>シミン</t>
    </rPh>
    <rPh sb="10" eb="12">
      <t>コウリュウ</t>
    </rPh>
    <phoneticPr fontId="3"/>
  </si>
  <si>
    <t>厚木市中町２－１２－１５</t>
    <rPh sb="0" eb="2">
      <t>アツギシ</t>
    </rPh>
    <phoneticPr fontId="3"/>
  </si>
  <si>
    <t>ツユキ及川球技場</t>
    <rPh sb="3" eb="5">
      <t>オイガワ</t>
    </rPh>
    <rPh sb="5" eb="7">
      <t>キュウギ</t>
    </rPh>
    <rPh sb="7" eb="8">
      <t>ジョウ</t>
    </rPh>
    <phoneticPr fontId="3"/>
  </si>
  <si>
    <t>厚木市及川１－１７－１</t>
    <rPh sb="3" eb="5">
      <t>オイガワ</t>
    </rPh>
    <phoneticPr fontId="3"/>
  </si>
  <si>
    <t>玉川野球場</t>
    <rPh sb="0" eb="2">
      <t>タマガワ</t>
    </rPh>
    <rPh sb="2" eb="5">
      <t>ヤキュウジョウ</t>
    </rPh>
    <phoneticPr fontId="3"/>
  </si>
  <si>
    <t>厚木市小野２８６－６</t>
    <rPh sb="3" eb="5">
      <t>オノ</t>
    </rPh>
    <phoneticPr fontId="3"/>
  </si>
  <si>
    <t>厚木市恩名１－９－２0</t>
    <rPh sb="3" eb="5">
      <t>オンナ</t>
    </rPh>
    <phoneticPr fontId="3"/>
  </si>
  <si>
    <t>猿ヶ島スポーツセンター</t>
    <rPh sb="0" eb="3">
      <t>サルガシマ</t>
    </rPh>
    <phoneticPr fontId="3"/>
  </si>
  <si>
    <t>厚木市猿ヶ島１９５－１２９</t>
    <rPh sb="3" eb="6">
      <t>サルガシマ</t>
    </rPh>
    <phoneticPr fontId="3"/>
  </si>
  <si>
    <t>睦合北公民館</t>
    <phoneticPr fontId="3"/>
  </si>
  <si>
    <t>厚木市三田２７３５－１</t>
    <rPh sb="3" eb="5">
      <t>サンダ</t>
    </rPh>
    <phoneticPr fontId="3"/>
  </si>
  <si>
    <t>南毛利スポーツセンター</t>
    <rPh sb="0" eb="3">
      <t>ナンモウリ</t>
    </rPh>
    <phoneticPr fontId="3"/>
  </si>
  <si>
    <t>厚木市温水西１－２７－２</t>
    <rPh sb="3" eb="5">
      <t>ヌルミズ</t>
    </rPh>
    <rPh sb="5" eb="6">
      <t>ニシ</t>
    </rPh>
    <phoneticPr fontId="3"/>
  </si>
  <si>
    <t>東町スポーツセンター</t>
    <rPh sb="0" eb="1">
      <t>ヒガシ</t>
    </rPh>
    <rPh sb="1" eb="2">
      <t>チョウ</t>
    </rPh>
    <phoneticPr fontId="3"/>
  </si>
  <si>
    <t>厚木市東町２－１</t>
    <rPh sb="3" eb="4">
      <t>ヒガシ</t>
    </rPh>
    <rPh sb="4" eb="5">
      <t>チョウ</t>
    </rPh>
    <phoneticPr fontId="3"/>
  </si>
  <si>
    <t xml:space="preserve">厚木市立病院（第1駐車場） </t>
    <rPh sb="0" eb="4">
      <t>アツギシリツ</t>
    </rPh>
    <rPh sb="4" eb="6">
      <t>ビョウイン</t>
    </rPh>
    <rPh sb="7" eb="8">
      <t>ダイ</t>
    </rPh>
    <rPh sb="9" eb="12">
      <t>チュウシャジョウ</t>
    </rPh>
    <phoneticPr fontId="3"/>
  </si>
  <si>
    <t>厚木市水引１－１６－３６</t>
    <rPh sb="3" eb="5">
      <t>ミズヒキ</t>
    </rPh>
    <phoneticPr fontId="3"/>
  </si>
  <si>
    <t>睦合南公民館</t>
    <phoneticPr fontId="3"/>
  </si>
  <si>
    <t>厚木市妻田北１－１８−３３</t>
  </si>
  <si>
    <t>泉の森</t>
    <rPh sb="0" eb="1">
      <t>イズミ</t>
    </rPh>
    <rPh sb="2" eb="3">
      <t>モリ</t>
    </rPh>
    <phoneticPr fontId="3"/>
  </si>
  <si>
    <t>大和市</t>
    <rPh sb="0" eb="3">
      <t>ヤマトシ</t>
    </rPh>
    <phoneticPr fontId="3"/>
  </si>
  <si>
    <t>大和市上草柳１７２８</t>
    <rPh sb="0" eb="3">
      <t>ヤマトシ</t>
    </rPh>
    <rPh sb="3" eb="6">
      <t>カミソウヤギ</t>
    </rPh>
    <phoneticPr fontId="3"/>
  </si>
  <si>
    <t>大和市下鶴間１－１－１</t>
    <rPh sb="0" eb="3">
      <t>ヤマトシ</t>
    </rPh>
    <rPh sb="3" eb="6">
      <t>シモツルマ</t>
    </rPh>
    <phoneticPr fontId="3"/>
  </si>
  <si>
    <t>大和市下鶴間ふるさと館</t>
    <rPh sb="0" eb="3">
      <t>ヤマトシ</t>
    </rPh>
    <rPh sb="3" eb="6">
      <t>シモツルマ</t>
    </rPh>
    <rPh sb="10" eb="11">
      <t>カン</t>
    </rPh>
    <phoneticPr fontId="3"/>
  </si>
  <si>
    <t>大和市下鶴間２３５９－５</t>
    <rPh sb="0" eb="6">
      <t>ヤマトシシモツルマ</t>
    </rPh>
    <phoneticPr fontId="3"/>
  </si>
  <si>
    <t>大和市つる舞の里歴史資料館</t>
    <rPh sb="0" eb="3">
      <t>ヤマトシ</t>
    </rPh>
    <rPh sb="5" eb="6">
      <t>マイ</t>
    </rPh>
    <rPh sb="7" eb="8">
      <t>サト</t>
    </rPh>
    <rPh sb="8" eb="10">
      <t>レキシ</t>
    </rPh>
    <rPh sb="10" eb="13">
      <t>シリョウカン</t>
    </rPh>
    <phoneticPr fontId="3"/>
  </si>
  <si>
    <t>大和市つきみ野７－３－２</t>
    <rPh sb="0" eb="3">
      <t>ヤマトシ</t>
    </rPh>
    <rPh sb="6" eb="7">
      <t>ノ</t>
    </rPh>
    <phoneticPr fontId="3"/>
  </si>
  <si>
    <t>保健福祉センター</t>
    <rPh sb="0" eb="4">
      <t>ホケンフクシ</t>
    </rPh>
    <phoneticPr fontId="3"/>
  </si>
  <si>
    <t>大和市鶴間１－３１－７</t>
    <rPh sb="0" eb="3">
      <t>ヤマトシ</t>
    </rPh>
    <rPh sb="3" eb="5">
      <t>ツルマ</t>
    </rPh>
    <phoneticPr fontId="3"/>
  </si>
  <si>
    <t>大和市消防本部</t>
    <rPh sb="0" eb="3">
      <t>ヤマトシ</t>
    </rPh>
    <rPh sb="3" eb="7">
      <t>ショウボウホンブ</t>
    </rPh>
    <phoneticPr fontId="3"/>
  </si>
  <si>
    <t>大和市深見西４－４－６</t>
    <rPh sb="0" eb="3">
      <t>ヤマトシ</t>
    </rPh>
    <rPh sb="3" eb="6">
      <t>フカミニシ</t>
    </rPh>
    <phoneticPr fontId="3"/>
  </si>
  <si>
    <t>大和ゆとりの森</t>
    <rPh sb="0" eb="2">
      <t>ヤマト</t>
    </rPh>
    <rPh sb="6" eb="7">
      <t>モリ</t>
    </rPh>
    <phoneticPr fontId="3"/>
  </si>
  <si>
    <t>大和市福田４１１２</t>
    <rPh sb="0" eb="5">
      <t>ヤマトシフクダ</t>
    </rPh>
    <phoneticPr fontId="3"/>
  </si>
  <si>
    <t>引地台公園</t>
    <rPh sb="0" eb="5">
      <t>ヒキチダイコウエン</t>
    </rPh>
    <phoneticPr fontId="3"/>
  </si>
  <si>
    <t>大和市</t>
    <phoneticPr fontId="3"/>
  </si>
  <si>
    <t>大和市柳橋４－５０００</t>
    <rPh sb="0" eb="3">
      <t>ヤマトシ</t>
    </rPh>
    <rPh sb="3" eb="5">
      <t>ヤナギバシ</t>
    </rPh>
    <phoneticPr fontId="3"/>
  </si>
  <si>
    <t>温水プール立体駐車場</t>
    <rPh sb="0" eb="2">
      <t>オンスイ</t>
    </rPh>
    <rPh sb="5" eb="10">
      <t>リッタイチュウシャジョウ</t>
    </rPh>
    <phoneticPr fontId="3"/>
  </si>
  <si>
    <t>文化創造拠点シリウス</t>
    <rPh sb="0" eb="6">
      <t>ブンカソウゾウキョテン</t>
    </rPh>
    <phoneticPr fontId="3"/>
  </si>
  <si>
    <t>大和市大和南１－８－１</t>
    <rPh sb="0" eb="3">
      <t>ヤマトシ</t>
    </rPh>
    <rPh sb="3" eb="6">
      <t>ヤマトミナミ</t>
    </rPh>
    <phoneticPr fontId="3"/>
  </si>
  <si>
    <t>大和スポーツセンター</t>
    <rPh sb="0" eb="2">
      <t>ヤマト</t>
    </rPh>
    <phoneticPr fontId="3"/>
  </si>
  <si>
    <t>大和市上草柳１－１－１</t>
    <rPh sb="3" eb="6">
      <t>カミソウヤギ</t>
    </rPh>
    <phoneticPr fontId="3"/>
  </si>
  <si>
    <t>つきみ野学習センター</t>
    <rPh sb="3" eb="4">
      <t>ノ</t>
    </rPh>
    <rPh sb="4" eb="6">
      <t>ガクシュウ</t>
    </rPh>
    <phoneticPr fontId="3"/>
  </si>
  <si>
    <t>大和市つきみ野５－３－５</t>
  </si>
  <si>
    <t>大和市地域医療センター</t>
    <rPh sb="0" eb="3">
      <t>ヤマトシ</t>
    </rPh>
    <rPh sb="3" eb="7">
      <t>チイキイリョウ</t>
    </rPh>
    <phoneticPr fontId="3"/>
  </si>
  <si>
    <t>大和市鶴間１－２８－５</t>
  </si>
  <si>
    <t>桜丘学習センター</t>
    <rPh sb="0" eb="2">
      <t>サクラオカ</t>
    </rPh>
    <rPh sb="2" eb="4">
      <t>ガクシュウ</t>
    </rPh>
    <phoneticPr fontId="3"/>
  </si>
  <si>
    <t>大和市福田１－３0－１</t>
  </si>
  <si>
    <t>まごころ地域福祉センター</t>
    <rPh sb="4" eb="6">
      <t>チイキ</t>
    </rPh>
    <rPh sb="6" eb="8">
      <t>フクシ</t>
    </rPh>
    <phoneticPr fontId="3"/>
  </si>
  <si>
    <t>大和市柳橋２－１１</t>
    <phoneticPr fontId="3"/>
  </si>
  <si>
    <t>医療法人社団総生会　麻生総合病院</t>
    <phoneticPr fontId="3"/>
  </si>
  <si>
    <t>川崎市麻生区上麻生6-25-1</t>
  </si>
  <si>
    <t>医療法人社団総生会</t>
    <rPh sb="0" eb="2">
      <t>イリョウ</t>
    </rPh>
    <rPh sb="2" eb="4">
      <t>ホウジン</t>
    </rPh>
    <rPh sb="4" eb="6">
      <t>シャダン</t>
    </rPh>
    <rPh sb="6" eb="7">
      <t>ソウ</t>
    </rPh>
    <rPh sb="7" eb="8">
      <t>セイ</t>
    </rPh>
    <rPh sb="8" eb="9">
      <t>カイ</t>
    </rPh>
    <phoneticPr fontId="3"/>
  </si>
  <si>
    <t>医療法人社団総生会　麻生リハビリ総合病院</t>
    <phoneticPr fontId="3"/>
  </si>
  <si>
    <t>川崎市麻生区上麻生6-23-50</t>
    <phoneticPr fontId="3"/>
  </si>
  <si>
    <t>帝京大学医学部附属溝口病院</t>
    <phoneticPr fontId="3"/>
  </si>
  <si>
    <t>川崎市高津区二子5-1-1</t>
    <phoneticPr fontId="3"/>
  </si>
  <si>
    <t>学校法人帝京大学</t>
    <rPh sb="0" eb="2">
      <t>ガッコウ</t>
    </rPh>
    <rPh sb="2" eb="4">
      <t>ホウジン</t>
    </rPh>
    <phoneticPr fontId="3"/>
  </si>
  <si>
    <t>神奈川障害者職業能力開発校</t>
    <rPh sb="0" eb="3">
      <t>カナガワ</t>
    </rPh>
    <rPh sb="3" eb="6">
      <t>ショウガイシャ</t>
    </rPh>
    <rPh sb="6" eb="8">
      <t>ショクギョウ</t>
    </rPh>
    <rPh sb="8" eb="10">
      <t>ノウリョク</t>
    </rPh>
    <rPh sb="10" eb="12">
      <t>カイハツ</t>
    </rPh>
    <rPh sb="12" eb="13">
      <t>コウ</t>
    </rPh>
    <phoneticPr fontId="3"/>
  </si>
  <si>
    <t>相模原市南区桜台13-1</t>
    <rPh sb="0" eb="4">
      <t>サガミハラシ</t>
    </rPh>
    <rPh sb="4" eb="6">
      <t>ミナミク</t>
    </rPh>
    <rPh sb="6" eb="8">
      <t>サクラダイ</t>
    </rPh>
    <phoneticPr fontId="3"/>
  </si>
  <si>
    <t>横浜市</t>
    <rPh sb="0" eb="3">
      <t>ヨコハマシ</t>
    </rPh>
    <phoneticPr fontId="3"/>
  </si>
  <si>
    <t>瀬谷郵便局</t>
    <phoneticPr fontId="3"/>
  </si>
  <si>
    <t>横浜市瀬谷区瀬谷4-45-10</t>
    <phoneticPr fontId="3"/>
  </si>
  <si>
    <t>日本郵便株式会社</t>
    <rPh sb="0" eb="2">
      <t>ニホン</t>
    </rPh>
    <rPh sb="2" eb="4">
      <t>ユウビン</t>
    </rPh>
    <rPh sb="4" eb="8">
      <t>カブシキガイシャ</t>
    </rPh>
    <phoneticPr fontId="3"/>
  </si>
  <si>
    <t>令和7年10月31日現在</t>
    <rPh sb="0" eb="2">
      <t>レイワ</t>
    </rPh>
    <rPh sb="3" eb="4">
      <t>ネン</t>
    </rPh>
    <rPh sb="6" eb="7">
      <t>ツキ</t>
    </rPh>
    <rPh sb="9" eb="10">
      <t>ニチ</t>
    </rPh>
    <rPh sb="10" eb="12">
      <t>ゲンザイ</t>
    </rPh>
    <phoneticPr fontId="3"/>
  </si>
  <si>
    <t>千木良公民館</t>
    <phoneticPr fontId="3"/>
  </si>
  <si>
    <t>相模原市</t>
    <phoneticPr fontId="3"/>
  </si>
  <si>
    <t>相模原市緑区千木良９９１－１</t>
    <rPh sb="0" eb="4">
      <t>サガミハラシ</t>
    </rPh>
    <rPh sb="4" eb="6">
      <t>ミドリク</t>
    </rPh>
    <rPh sb="6" eb="9">
      <t>チギラ</t>
    </rPh>
    <phoneticPr fontId="3"/>
  </si>
  <si>
    <t>平塚市龍城ケ丘19-1</t>
    <phoneticPr fontId="3"/>
  </si>
  <si>
    <t>ひらつかシーテラス</t>
    <phoneticPr fontId="3"/>
  </si>
  <si>
    <t>②優先駐車区画も幅350cm以上あり。</t>
    <rPh sb="1" eb="3">
      <t>ユウセン</t>
    </rPh>
    <rPh sb="3" eb="5">
      <t>チュウシャ</t>
    </rPh>
    <rPh sb="5" eb="7">
      <t>クカク</t>
    </rPh>
    <phoneticPr fontId="3"/>
  </si>
  <si>
    <t>児童・生徒の登下校で使用する時間は、登下校に用いる車両が優先</t>
    <rPh sb="0" eb="2">
      <t>ジドウ</t>
    </rPh>
    <rPh sb="3" eb="5">
      <t>セイト</t>
    </rPh>
    <rPh sb="6" eb="9">
      <t>トウゲコウ</t>
    </rPh>
    <rPh sb="10" eb="12">
      <t>シヨウ</t>
    </rPh>
    <rPh sb="14" eb="16">
      <t>ジカン</t>
    </rPh>
    <rPh sb="18" eb="21">
      <t>トウゲコウ</t>
    </rPh>
    <rPh sb="22" eb="23">
      <t>モチ</t>
    </rPh>
    <rPh sb="25" eb="27">
      <t>シャリョウ</t>
    </rPh>
    <rPh sb="28" eb="30">
      <t>ユウセン</t>
    </rPh>
    <phoneticPr fontId="3"/>
  </si>
  <si>
    <t>庁舎に入る際は、庁舎入口の警備員に声をかける必要がある。</t>
    <rPh sb="0" eb="2">
      <t>チョウシャ</t>
    </rPh>
    <rPh sb="3" eb="4">
      <t>ハイ</t>
    </rPh>
    <rPh sb="5" eb="6">
      <t>サイ</t>
    </rPh>
    <rPh sb="8" eb="10">
      <t>チョウシャ</t>
    </rPh>
    <rPh sb="10" eb="12">
      <t>イリグチ</t>
    </rPh>
    <rPh sb="13" eb="16">
      <t>ケイビイン</t>
    </rPh>
    <rPh sb="17" eb="18">
      <t>コエ</t>
    </rPh>
    <rPh sb="22" eb="24">
      <t>ヒツヨウ</t>
    </rPh>
    <phoneticPr fontId="3"/>
  </si>
  <si>
    <t>身障者手帳等の有無にかかわらず、必要な方（足の不自由な方など）には駐車場に空きがある限り柔軟に対応している。</t>
    <rPh sb="5" eb="6">
      <t>トウ</t>
    </rPh>
    <phoneticPr fontId="3"/>
  </si>
  <si>
    <t>一般駐車場なし
障がい者等用駐車場のみ</t>
    <rPh sb="0" eb="2">
      <t>イッパン</t>
    </rPh>
    <rPh sb="2" eb="5">
      <t>チュウシャジョウ</t>
    </rPh>
    <rPh sb="8" eb="9">
      <t>ショウ</t>
    </rPh>
    <rPh sb="11" eb="12">
      <t>シャ</t>
    </rPh>
    <rPh sb="12" eb="13">
      <t>トウ</t>
    </rPh>
    <rPh sb="13" eb="14">
      <t>ヨウ</t>
    </rPh>
    <rPh sb="14" eb="17">
      <t>チュウシャジョウ</t>
    </rPh>
    <phoneticPr fontId="3"/>
  </si>
  <si>
    <t>駐車場使用の際には鎌倉市文化財課へ連絡をお願いします。</t>
    <rPh sb="0" eb="3">
      <t>チュウシャジョウ</t>
    </rPh>
    <rPh sb="3" eb="5">
      <t>シヨウ</t>
    </rPh>
    <rPh sb="6" eb="7">
      <t>サイ</t>
    </rPh>
    <rPh sb="9" eb="12">
      <t>カマクラシ</t>
    </rPh>
    <rPh sb="12" eb="15">
      <t>ブンカザイ</t>
    </rPh>
    <rPh sb="15" eb="16">
      <t>カ</t>
    </rPh>
    <rPh sb="17" eb="19">
      <t>レンラク</t>
    </rPh>
    <rPh sb="21" eb="22">
      <t>ネガ</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7" x14ac:knownFonts="1">
    <font>
      <sz val="12"/>
      <color theme="1"/>
      <name val="ＭＳ 明朝"/>
      <family val="2"/>
      <charset val="128"/>
    </font>
    <font>
      <sz val="11"/>
      <color theme="1"/>
      <name val="ＭＳ Ｐゴシック"/>
      <family val="2"/>
      <charset val="128"/>
      <scheme val="minor"/>
    </font>
    <font>
      <sz val="14"/>
      <name val="ＭＳ Ｐゴシック"/>
      <family val="2"/>
      <charset val="128"/>
      <scheme val="minor"/>
    </font>
    <font>
      <sz val="6"/>
      <name val="ＭＳ 明朝"/>
      <family val="2"/>
      <charset val="128"/>
    </font>
    <font>
      <sz val="11"/>
      <name val="ＭＳ Ｐゴシック"/>
      <family val="3"/>
      <charset val="128"/>
      <scheme val="minor"/>
    </font>
    <font>
      <sz val="11"/>
      <name val="ＭＳ Ｐゴシック"/>
      <family val="3"/>
      <charset val="128"/>
    </font>
    <font>
      <strike/>
      <sz val="11"/>
      <name val="ＭＳ Ｐゴシック"/>
      <family val="3"/>
      <charset val="128"/>
      <scheme val="minor"/>
    </font>
    <font>
      <sz val="11"/>
      <color rgb="FFFF0000"/>
      <name val="ＭＳ Ｐゴシック"/>
      <family val="3"/>
      <charset val="128"/>
      <scheme val="minor"/>
    </font>
    <font>
      <sz val="20"/>
      <name val="ＭＳ Ｐゴシック"/>
      <family val="3"/>
      <charset val="128"/>
      <scheme val="minor"/>
    </font>
    <font>
      <sz val="14"/>
      <name val="ＭＳ Ｐゴシック"/>
      <family val="3"/>
      <charset val="128"/>
      <scheme val="minor"/>
    </font>
    <font>
      <b/>
      <sz val="14"/>
      <name val="ＭＳ Ｐゴシック"/>
      <family val="3"/>
      <charset val="128"/>
      <scheme val="minor"/>
    </font>
    <font>
      <sz val="11"/>
      <color rgb="FF333333"/>
      <name val="ＭＳ Ｐゴシック"/>
      <family val="3"/>
      <charset val="128"/>
    </font>
    <font>
      <sz val="11"/>
      <color rgb="FF333333"/>
      <name val="ＭＳ Ｐゴシック"/>
      <family val="3"/>
      <charset val="128"/>
      <scheme val="minor"/>
    </font>
    <font>
      <sz val="11"/>
      <color theme="1"/>
      <name val="ＭＳ Ｐゴシック"/>
      <family val="3"/>
      <charset val="128"/>
      <scheme val="minor"/>
    </font>
    <font>
      <sz val="16"/>
      <color theme="1"/>
      <name val="ＭＳ Ｐゴシック"/>
      <family val="3"/>
      <charset val="128"/>
      <scheme val="minor"/>
    </font>
    <font>
      <sz val="11"/>
      <color rgb="FF333333"/>
      <name val="Arial"/>
      <family val="2"/>
    </font>
    <font>
      <sz val="9"/>
      <name val="ＭＳ Ｐゴシック"/>
      <family val="3"/>
      <charset val="128"/>
      <scheme val="minor"/>
    </font>
  </fonts>
  <fills count="5">
    <fill>
      <patternFill patternType="none"/>
    </fill>
    <fill>
      <patternFill patternType="gray125"/>
    </fill>
    <fill>
      <patternFill patternType="solid">
        <fgColor theme="8" tint="0.59999389629810485"/>
        <bgColor indexed="64"/>
      </patternFill>
    </fill>
    <fill>
      <patternFill patternType="solid">
        <fgColor theme="7" tint="0.79998168889431442"/>
        <bgColor indexed="64"/>
      </patternFill>
    </fill>
    <fill>
      <patternFill patternType="solid">
        <fgColor rgb="FFFFFFFF"/>
        <bgColor indexed="64"/>
      </patternFill>
    </fill>
  </fills>
  <borders count="10">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right style="thin">
        <color indexed="64"/>
      </right>
      <top/>
      <bottom/>
      <diagonal/>
    </border>
    <border>
      <left style="medium">
        <color rgb="FFCCCCCC"/>
      </left>
      <right style="medium">
        <color rgb="FFCCCCCC"/>
      </right>
      <top style="medium">
        <color rgb="FFCCCCCC"/>
      </top>
      <bottom style="medium">
        <color rgb="FFCCCCCC"/>
      </bottom>
      <diagonal/>
    </border>
    <border>
      <left/>
      <right style="thin">
        <color indexed="64"/>
      </right>
      <top style="thin">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bottom style="thin">
        <color indexed="64"/>
      </bottom>
      <diagonal/>
    </border>
  </borders>
  <cellStyleXfs count="4">
    <xf numFmtId="0" fontId="0" fillId="0" borderId="0">
      <alignment vertical="center"/>
    </xf>
    <xf numFmtId="0" fontId="1" fillId="0" borderId="0">
      <alignment vertical="center"/>
    </xf>
    <xf numFmtId="0" fontId="1" fillId="0" borderId="0">
      <alignment vertical="center"/>
    </xf>
    <xf numFmtId="0" fontId="1" fillId="0" borderId="0">
      <alignment vertical="center"/>
    </xf>
  </cellStyleXfs>
  <cellXfs count="75">
    <xf numFmtId="0" fontId="0" fillId="0" borderId="0" xfId="0">
      <alignment vertical="center"/>
    </xf>
    <xf numFmtId="0" fontId="4" fillId="0" borderId="0" xfId="1" applyFont="1" applyFill="1" applyAlignment="1">
      <alignment vertical="center"/>
    </xf>
    <xf numFmtId="0" fontId="4" fillId="0" borderId="1" xfId="1" applyFont="1" applyFill="1" applyBorder="1" applyAlignment="1">
      <alignment horizontal="center" vertical="center" shrinkToFit="1"/>
    </xf>
    <xf numFmtId="0" fontId="4" fillId="0" borderId="0" xfId="1" applyFont="1">
      <alignment vertical="center"/>
    </xf>
    <xf numFmtId="0" fontId="4" fillId="0" borderId="0" xfId="1" applyFont="1" applyFill="1">
      <alignment vertical="center"/>
    </xf>
    <xf numFmtId="0" fontId="7" fillId="0" borderId="0" xfId="1" applyFont="1" applyFill="1" applyAlignment="1">
      <alignment vertical="center"/>
    </xf>
    <xf numFmtId="0" fontId="4" fillId="2" borderId="2" xfId="1" applyFont="1" applyFill="1" applyBorder="1" applyAlignment="1">
      <alignment vertical="center" wrapText="1"/>
    </xf>
    <xf numFmtId="49" fontId="4" fillId="2" borderId="2" xfId="1" applyNumberFormat="1" applyFont="1" applyFill="1" applyBorder="1" applyAlignment="1">
      <alignment vertical="center" shrinkToFit="1"/>
    </xf>
    <xf numFmtId="0" fontId="4" fillId="0" borderId="1" xfId="1" applyFont="1" applyFill="1" applyBorder="1" applyAlignment="1">
      <alignment vertical="center" wrapText="1"/>
    </xf>
    <xf numFmtId="0" fontId="8" fillId="0" borderId="0" xfId="1" applyFont="1" applyFill="1" applyAlignment="1">
      <alignment horizontal="centerContinuous" vertical="center"/>
    </xf>
    <xf numFmtId="0" fontId="4" fillId="0" borderId="0" xfId="1" applyFont="1" applyFill="1" applyAlignment="1">
      <alignment horizontal="centerContinuous" vertical="center"/>
    </xf>
    <xf numFmtId="0" fontId="4" fillId="0" borderId="3" xfId="1" applyFont="1" applyFill="1" applyBorder="1" applyAlignment="1" applyProtection="1">
      <alignment vertical="center" wrapText="1"/>
      <protection locked="0"/>
    </xf>
    <xf numFmtId="0" fontId="4" fillId="3" borderId="3" xfId="1" applyFont="1" applyFill="1" applyBorder="1" applyAlignment="1" applyProtection="1">
      <alignment vertical="center" wrapText="1"/>
      <protection locked="0"/>
    </xf>
    <xf numFmtId="0" fontId="4" fillId="0" borderId="3" xfId="1" applyFont="1" applyFill="1" applyBorder="1" applyAlignment="1">
      <alignment vertical="center"/>
    </xf>
    <xf numFmtId="0" fontId="9" fillId="0" borderId="3" xfId="1" applyFont="1" applyFill="1" applyBorder="1" applyAlignment="1" applyProtection="1">
      <alignment horizontal="center" vertical="center" shrinkToFit="1"/>
      <protection locked="0"/>
    </xf>
    <xf numFmtId="0" fontId="4" fillId="3" borderId="3" xfId="1" applyFont="1" applyFill="1" applyBorder="1" applyAlignment="1" applyProtection="1">
      <alignment vertical="center"/>
      <protection locked="0"/>
    </xf>
    <xf numFmtId="0" fontId="4" fillId="3" borderId="3" xfId="1" applyFont="1" applyFill="1" applyBorder="1" applyAlignment="1" applyProtection="1">
      <alignment vertical="center" shrinkToFit="1"/>
      <protection locked="0"/>
    </xf>
    <xf numFmtId="0" fontId="4" fillId="0" borderId="3" xfId="1" applyFont="1" applyFill="1" applyBorder="1" applyAlignment="1" applyProtection="1">
      <alignment vertical="center" wrapText="1" shrinkToFit="1"/>
      <protection locked="0"/>
    </xf>
    <xf numFmtId="0" fontId="9" fillId="0" borderId="3" xfId="1" applyFont="1" applyFill="1" applyBorder="1" applyAlignment="1">
      <alignment horizontal="center" vertical="center" shrinkToFit="1"/>
    </xf>
    <xf numFmtId="0" fontId="4" fillId="3" borderId="3" xfId="3" applyFont="1" applyFill="1" applyBorder="1" applyAlignment="1" applyProtection="1">
      <alignment vertical="center" wrapText="1"/>
      <protection locked="0"/>
    </xf>
    <xf numFmtId="0" fontId="9" fillId="3" borderId="3" xfId="1" applyFont="1" applyFill="1" applyBorder="1" applyAlignment="1" applyProtection="1">
      <alignment horizontal="center" vertical="center" shrinkToFit="1"/>
      <protection locked="0"/>
    </xf>
    <xf numFmtId="0" fontId="4" fillId="0" borderId="4" xfId="1" applyFont="1" applyFill="1" applyBorder="1" applyAlignment="1" applyProtection="1">
      <alignment vertical="center" wrapText="1"/>
      <protection locked="0"/>
    </xf>
    <xf numFmtId="0" fontId="4" fillId="3" borderId="4" xfId="1" applyFont="1" applyFill="1" applyBorder="1" applyAlignment="1" applyProtection="1">
      <alignment vertical="center" wrapText="1"/>
      <protection locked="0"/>
    </xf>
    <xf numFmtId="0" fontId="4" fillId="0" borderId="4" xfId="1" applyFont="1" applyFill="1" applyBorder="1" applyAlignment="1">
      <alignment vertical="center"/>
    </xf>
    <xf numFmtId="0" fontId="4" fillId="0" borderId="5" xfId="1" applyFont="1" applyFill="1" applyBorder="1" applyAlignment="1">
      <alignment horizontal="center" vertical="center"/>
    </xf>
    <xf numFmtId="49" fontId="4" fillId="0" borderId="5" xfId="1" applyNumberFormat="1" applyFont="1" applyFill="1" applyBorder="1" applyAlignment="1">
      <alignment vertical="center" shrinkToFit="1"/>
    </xf>
    <xf numFmtId="0" fontId="9" fillId="0" borderId="4" xfId="1" applyFont="1" applyFill="1" applyBorder="1" applyAlignment="1">
      <alignment horizontal="center" vertical="center" shrinkToFit="1"/>
    </xf>
    <xf numFmtId="0" fontId="9" fillId="0" borderId="3" xfId="1" applyNumberFormat="1" applyFont="1" applyFill="1" applyBorder="1" applyAlignment="1">
      <alignment horizontal="center" vertical="center" shrinkToFit="1"/>
    </xf>
    <xf numFmtId="0" fontId="5" fillId="2" borderId="2" xfId="0" applyFont="1" applyFill="1" applyBorder="1" applyAlignment="1">
      <alignment horizontal="left" vertical="center" wrapText="1"/>
    </xf>
    <xf numFmtId="0" fontId="9" fillId="3" borderId="4" xfId="1" applyFont="1" applyFill="1" applyBorder="1" applyAlignment="1" applyProtection="1">
      <alignment horizontal="center" vertical="center" shrinkToFit="1"/>
      <protection locked="0"/>
    </xf>
    <xf numFmtId="0" fontId="10" fillId="3" borderId="3" xfId="1" applyFont="1" applyFill="1" applyBorder="1" applyAlignment="1" applyProtection="1">
      <alignment horizontal="center" vertical="center" shrinkToFit="1"/>
      <protection locked="0"/>
    </xf>
    <xf numFmtId="0" fontId="9" fillId="3" borderId="3" xfId="1" applyFont="1" applyFill="1" applyBorder="1" applyAlignment="1" applyProtection="1">
      <alignment horizontal="center" vertical="center" wrapText="1"/>
      <protection locked="0"/>
    </xf>
    <xf numFmtId="0" fontId="9" fillId="3" borderId="3" xfId="1" applyFont="1" applyFill="1" applyBorder="1" applyAlignment="1" applyProtection="1">
      <alignment horizontal="center" vertical="center" wrapText="1" shrinkToFit="1"/>
      <protection locked="0"/>
    </xf>
    <xf numFmtId="0" fontId="4" fillId="3" borderId="4" xfId="1" applyFont="1" applyFill="1" applyBorder="1" applyAlignment="1" applyProtection="1">
      <alignment horizontal="left" vertical="center" wrapText="1" shrinkToFit="1"/>
      <protection locked="0"/>
    </xf>
    <xf numFmtId="0" fontId="4" fillId="3" borderId="3" xfId="1" applyFont="1" applyFill="1" applyBorder="1" applyAlignment="1" applyProtection="1">
      <alignment horizontal="left" vertical="center" wrapText="1" shrinkToFit="1"/>
      <protection locked="0"/>
    </xf>
    <xf numFmtId="0" fontId="6" fillId="3" borderId="3" xfId="1" applyFont="1" applyFill="1" applyBorder="1" applyAlignment="1" applyProtection="1">
      <alignment horizontal="left" vertical="center" wrapText="1" shrinkToFit="1"/>
      <protection locked="0"/>
    </xf>
    <xf numFmtId="0" fontId="4" fillId="3" borderId="3" xfId="1" applyFont="1" applyFill="1" applyBorder="1" applyAlignment="1" applyProtection="1">
      <alignment horizontal="left" vertical="center" wrapText="1"/>
      <protection locked="0"/>
    </xf>
    <xf numFmtId="0" fontId="4" fillId="0" borderId="0" xfId="1" applyFont="1" applyFill="1" applyBorder="1" applyAlignment="1">
      <alignment horizontal="center" vertical="center"/>
    </xf>
    <xf numFmtId="0" fontId="4" fillId="0" borderId="0" xfId="3" applyFont="1" applyFill="1" applyAlignment="1">
      <alignment vertical="center"/>
    </xf>
    <xf numFmtId="0" fontId="4" fillId="0" borderId="0" xfId="3" applyFont="1">
      <alignment vertical="center"/>
    </xf>
    <xf numFmtId="0" fontId="4" fillId="0" borderId="0" xfId="3" applyFont="1" applyFill="1">
      <alignment vertical="center"/>
    </xf>
    <xf numFmtId="0" fontId="4" fillId="0" borderId="5" xfId="3" applyFont="1" applyFill="1" applyBorder="1" applyAlignment="1">
      <alignment vertical="center"/>
    </xf>
    <xf numFmtId="0" fontId="13" fillId="0" borderId="5" xfId="1" applyFont="1" applyFill="1" applyBorder="1" applyAlignment="1">
      <alignment vertical="center"/>
    </xf>
    <xf numFmtId="0" fontId="13" fillId="0" borderId="5" xfId="1" applyFont="1" applyFill="1" applyBorder="1">
      <alignment vertical="center"/>
    </xf>
    <xf numFmtId="0" fontId="14" fillId="0" borderId="5" xfId="1" applyFont="1" applyFill="1" applyBorder="1" applyAlignment="1">
      <alignment vertical="center"/>
    </xf>
    <xf numFmtId="0" fontId="4" fillId="0" borderId="4" xfId="1" applyFont="1" applyFill="1" applyBorder="1" applyAlignment="1" applyProtection="1">
      <alignment vertical="center" wrapText="1" shrinkToFit="1"/>
      <protection locked="0"/>
    </xf>
    <xf numFmtId="0" fontId="11" fillId="3" borderId="3" xfId="0" applyFont="1" applyFill="1" applyBorder="1" applyAlignment="1">
      <alignment vertical="center" wrapText="1"/>
    </xf>
    <xf numFmtId="0" fontId="12" fillId="4" borderId="3" xfId="0" applyFont="1" applyFill="1" applyBorder="1" applyAlignment="1">
      <alignment vertical="center" wrapText="1"/>
    </xf>
    <xf numFmtId="0" fontId="4" fillId="0" borderId="3" xfId="3" applyFont="1" applyFill="1" applyBorder="1" applyAlignment="1">
      <alignment vertical="center"/>
    </xf>
    <xf numFmtId="0" fontId="9" fillId="3" borderId="3" xfId="3" applyFont="1" applyFill="1" applyBorder="1" applyAlignment="1" applyProtection="1">
      <alignment horizontal="center" vertical="center" shrinkToFit="1"/>
      <protection locked="0"/>
    </xf>
    <xf numFmtId="0" fontId="9" fillId="0" borderId="3" xfId="3" applyFont="1" applyFill="1" applyBorder="1" applyAlignment="1">
      <alignment horizontal="center" vertical="center" shrinkToFit="1"/>
    </xf>
    <xf numFmtId="0" fontId="4" fillId="3" borderId="3" xfId="3" applyFont="1" applyFill="1" applyBorder="1" applyAlignment="1" applyProtection="1">
      <alignment horizontal="left" vertical="center" wrapText="1" shrinkToFit="1"/>
      <protection locked="0"/>
    </xf>
    <xf numFmtId="0" fontId="4" fillId="0" borderId="4" xfId="0" applyFont="1" applyFill="1" applyBorder="1" applyAlignment="1">
      <alignment vertical="center" wrapText="1"/>
    </xf>
    <xf numFmtId="0" fontId="4" fillId="3" borderId="4" xfId="1" applyFont="1" applyFill="1" applyBorder="1" applyAlignment="1">
      <alignment vertical="center" wrapText="1"/>
    </xf>
    <xf numFmtId="0" fontId="9" fillId="3" borderId="4" xfId="1" applyFont="1" applyFill="1" applyBorder="1" applyAlignment="1">
      <alignment horizontal="center" vertical="center"/>
    </xf>
    <xf numFmtId="0" fontId="9" fillId="0" borderId="4" xfId="1" applyFont="1" applyFill="1" applyBorder="1" applyAlignment="1">
      <alignment horizontal="center" vertical="center"/>
    </xf>
    <xf numFmtId="0" fontId="4" fillId="3" borderId="4" xfId="1" applyFont="1" applyFill="1" applyBorder="1" applyAlignment="1">
      <alignment horizontal="left" vertical="center" wrapText="1"/>
    </xf>
    <xf numFmtId="0" fontId="6" fillId="3" borderId="4" xfId="1" applyFont="1" applyFill="1" applyBorder="1" applyAlignment="1" applyProtection="1">
      <alignment horizontal="left" vertical="center" wrapText="1" shrinkToFit="1"/>
      <protection locked="0"/>
    </xf>
    <xf numFmtId="0" fontId="13" fillId="0" borderId="0" xfId="1" applyFont="1" applyFill="1" applyAlignment="1">
      <alignment vertical="center"/>
    </xf>
    <xf numFmtId="0" fontId="4" fillId="3" borderId="6" xfId="1" applyFont="1" applyFill="1" applyBorder="1" applyAlignment="1" applyProtection="1">
      <alignment vertical="center" wrapText="1"/>
      <protection locked="0"/>
    </xf>
    <xf numFmtId="0" fontId="15" fillId="4" borderId="3" xfId="0" applyFont="1" applyFill="1" applyBorder="1" applyAlignment="1">
      <alignment vertical="center" wrapText="1"/>
    </xf>
    <xf numFmtId="0" fontId="4" fillId="0" borderId="3" xfId="3" applyFont="1" applyFill="1" applyBorder="1" applyAlignment="1" applyProtection="1">
      <alignment vertical="center" wrapText="1"/>
      <protection locked="0"/>
    </xf>
    <xf numFmtId="0" fontId="9" fillId="0" borderId="4" xfId="1" applyFont="1" applyFill="1" applyBorder="1" applyAlignment="1" applyProtection="1">
      <alignment horizontal="center" vertical="center" shrinkToFit="1"/>
      <protection locked="0"/>
    </xf>
    <xf numFmtId="0" fontId="4" fillId="0" borderId="7" xfId="1" applyFont="1" applyFill="1" applyBorder="1" applyAlignment="1">
      <alignment vertical="center"/>
    </xf>
    <xf numFmtId="0" fontId="4" fillId="0" borderId="8" xfId="1" applyFont="1" applyFill="1" applyBorder="1" applyAlignment="1">
      <alignment vertical="center"/>
    </xf>
    <xf numFmtId="0" fontId="12" fillId="4" borderId="8" xfId="0" applyFont="1" applyFill="1" applyBorder="1" applyAlignment="1">
      <alignment vertical="center" wrapText="1"/>
    </xf>
    <xf numFmtId="0" fontId="4" fillId="0" borderId="0" xfId="1" applyFont="1" applyFill="1" applyAlignment="1">
      <alignment horizontal="right" vertical="center"/>
    </xf>
    <xf numFmtId="0" fontId="9" fillId="0" borderId="4" xfId="1" applyFont="1" applyFill="1" applyBorder="1" applyAlignment="1">
      <alignment horizontal="center" vertical="center" wrapText="1" shrinkToFit="1"/>
    </xf>
    <xf numFmtId="0" fontId="4" fillId="0" borderId="9" xfId="1" applyFont="1" applyFill="1" applyBorder="1" applyAlignment="1" applyProtection="1">
      <alignment vertical="center" wrapText="1"/>
      <protection locked="0"/>
    </xf>
    <xf numFmtId="0" fontId="4" fillId="3" borderId="9" xfId="1" applyFont="1" applyFill="1" applyBorder="1" applyAlignment="1" applyProtection="1">
      <alignment vertical="center" wrapText="1"/>
      <protection locked="0"/>
    </xf>
    <xf numFmtId="0" fontId="4" fillId="0" borderId="9" xfId="1" applyFont="1" applyFill="1" applyBorder="1" applyAlignment="1">
      <alignment vertical="center"/>
    </xf>
    <xf numFmtId="0" fontId="9" fillId="3" borderId="9" xfId="1" applyFont="1" applyFill="1" applyBorder="1" applyAlignment="1" applyProtection="1">
      <alignment horizontal="center" vertical="center" shrinkToFit="1"/>
      <protection locked="0"/>
    </xf>
    <xf numFmtId="0" fontId="9" fillId="0" borderId="9" xfId="1" applyFont="1" applyFill="1" applyBorder="1" applyAlignment="1">
      <alignment horizontal="center" vertical="center" shrinkToFit="1"/>
    </xf>
    <xf numFmtId="0" fontId="4" fillId="3" borderId="9" xfId="1" applyFont="1" applyFill="1" applyBorder="1" applyAlignment="1" applyProtection="1">
      <alignment horizontal="left" vertical="center" wrapText="1" shrinkToFit="1"/>
      <protection locked="0"/>
    </xf>
    <xf numFmtId="0" fontId="16" fillId="3" borderId="3" xfId="1" applyFont="1" applyFill="1" applyBorder="1" applyAlignment="1" applyProtection="1">
      <alignment horizontal="left" vertical="center" wrapText="1" shrinkToFit="1"/>
      <protection locked="0"/>
    </xf>
  </cellXfs>
  <cellStyles count="4">
    <cellStyle name="標準" xfId="0" builtinId="0"/>
    <cellStyle name="標準 3" xfId="1" xr:uid="{00000000-0005-0000-0000-000001000000}"/>
    <cellStyle name="標準 3 2" xfId="3" xr:uid="{00000000-0005-0000-0000-000002000000}"/>
    <cellStyle name="標準 3 3" xfId="2" xr:uid="{00000000-0005-0000-0000-000003000000}"/>
  </cellStyles>
  <dxfs count="0"/>
  <tableStyles count="0" defaultTableStyle="TableStyleMedium2" defaultPivotStyle="PivotStyleLight16"/>
  <colors>
    <mruColors>
      <color rgb="FFECF0F8"/>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Users/64497919/Desktop/02_07&#65288;&#31119;&#31049;&#23376;&#12393;&#12418;&#12415;&#12425;&#12356;&#23616;&#65289;_&#27096;&#24335;&#65297;_&#30476;&#26377;&#26045;&#35373;&#12398;&#32769;&#26429;&#21270;&#23550;&#31574;&#24037;&#31243;&#349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工程表"/>
      <sheetName val="入力リスト"/>
    </sheetNames>
    <sheetDataSet>
      <sheetData sheetId="0" refreshError="1"/>
      <sheetData sheetId="1">
        <row r="3">
          <cell r="C3" t="str">
            <v>調査</v>
          </cell>
        </row>
        <row r="4">
          <cell r="C4" t="str">
            <v>調査・基本</v>
          </cell>
        </row>
        <row r="5">
          <cell r="C5" t="str">
            <v>基本</v>
          </cell>
        </row>
        <row r="6">
          <cell r="C6" t="str">
            <v>調査・実施</v>
          </cell>
        </row>
        <row r="7">
          <cell r="C7" t="str">
            <v>基本・実施</v>
          </cell>
        </row>
        <row r="8">
          <cell r="C8" t="str">
            <v>実施</v>
          </cell>
        </row>
        <row r="9">
          <cell r="C9" t="str">
            <v>実施・工事</v>
          </cell>
        </row>
        <row r="10">
          <cell r="C10" t="str">
            <v>工事</v>
          </cell>
        </row>
        <row r="11">
          <cell r="C11" t="str">
            <v>工事・供用開始</v>
          </cell>
        </row>
        <row r="12">
          <cell r="C12" t="str">
            <v>供用開始</v>
          </cell>
        </row>
        <row r="15">
          <cell r="C15" t="str">
            <v>01 鶴見区</v>
          </cell>
        </row>
        <row r="16">
          <cell r="C16" t="str">
            <v>02 神奈川区</v>
          </cell>
        </row>
        <row r="17">
          <cell r="C17" t="str">
            <v>03 西区</v>
          </cell>
        </row>
        <row r="18">
          <cell r="C18" t="str">
            <v>04 中区</v>
          </cell>
        </row>
        <row r="19">
          <cell r="C19" t="str">
            <v>05 南区</v>
          </cell>
        </row>
        <row r="20">
          <cell r="C20" t="str">
            <v>06 港南区</v>
          </cell>
        </row>
        <row r="21">
          <cell r="C21" t="str">
            <v>07 保土ケ谷区</v>
          </cell>
        </row>
        <row r="22">
          <cell r="C22" t="str">
            <v>08 旭区</v>
          </cell>
        </row>
        <row r="23">
          <cell r="C23" t="str">
            <v>09 磯子区</v>
          </cell>
        </row>
        <row r="24">
          <cell r="C24" t="str">
            <v>10 金沢区</v>
          </cell>
        </row>
        <row r="25">
          <cell r="C25" t="str">
            <v>11 港北区</v>
          </cell>
        </row>
        <row r="26">
          <cell r="C26" t="str">
            <v>12 緑区</v>
          </cell>
        </row>
        <row r="27">
          <cell r="C27" t="str">
            <v>13 青葉区</v>
          </cell>
        </row>
        <row r="28">
          <cell r="C28" t="str">
            <v>14 都筑区</v>
          </cell>
        </row>
        <row r="29">
          <cell r="C29" t="str">
            <v>15 戸塚区</v>
          </cell>
        </row>
        <row r="30">
          <cell r="C30" t="str">
            <v>16 栄区</v>
          </cell>
        </row>
        <row r="31">
          <cell r="C31" t="str">
            <v>17 泉区</v>
          </cell>
        </row>
        <row r="32">
          <cell r="C32" t="str">
            <v>18 瀬谷区</v>
          </cell>
        </row>
        <row r="33">
          <cell r="C33" t="str">
            <v>20 川崎市</v>
          </cell>
        </row>
        <row r="34">
          <cell r="C34" t="str">
            <v>31 横須賀市</v>
          </cell>
        </row>
        <row r="35">
          <cell r="C35" t="str">
            <v>32 鎌倉市</v>
          </cell>
        </row>
        <row r="36">
          <cell r="C36" t="str">
            <v>33 逗子市</v>
          </cell>
        </row>
        <row r="37">
          <cell r="C37" t="str">
            <v>34 三浦市</v>
          </cell>
        </row>
        <row r="38">
          <cell r="C38" t="str">
            <v>35 葉山町</v>
          </cell>
        </row>
        <row r="39">
          <cell r="C39" t="str">
            <v>41 相模原市</v>
          </cell>
        </row>
        <row r="40">
          <cell r="C40" t="str">
            <v>42 厚木市</v>
          </cell>
        </row>
        <row r="41">
          <cell r="C41" t="str">
            <v>43 大和市</v>
          </cell>
        </row>
        <row r="42">
          <cell r="C42" t="str">
            <v>44 海老名市</v>
          </cell>
        </row>
        <row r="43">
          <cell r="C43" t="str">
            <v>45 座間市</v>
          </cell>
        </row>
        <row r="44">
          <cell r="C44" t="str">
            <v>46 綾瀬市</v>
          </cell>
        </row>
        <row r="45">
          <cell r="C45" t="str">
            <v>47 愛川町</v>
          </cell>
        </row>
        <row r="46">
          <cell r="C46" t="str">
            <v>48 清川村</v>
          </cell>
        </row>
        <row r="47">
          <cell r="C47" t="str">
            <v>51 平塚市</v>
          </cell>
        </row>
        <row r="48">
          <cell r="C48" t="str">
            <v>52 藤沢市</v>
          </cell>
        </row>
        <row r="49">
          <cell r="C49" t="str">
            <v>53 茅ヶ崎市</v>
          </cell>
        </row>
        <row r="50">
          <cell r="C50" t="str">
            <v>54 秦野市</v>
          </cell>
        </row>
        <row r="51">
          <cell r="C51" t="str">
            <v>55 伊勢原市</v>
          </cell>
        </row>
        <row r="52">
          <cell r="C52" t="str">
            <v>56 寒川町</v>
          </cell>
        </row>
        <row r="53">
          <cell r="C53" t="str">
            <v>57 大磯町</v>
          </cell>
        </row>
        <row r="54">
          <cell r="C54" t="str">
            <v>58 二宮町</v>
          </cell>
        </row>
        <row r="55">
          <cell r="C55" t="str">
            <v>60 小田原市</v>
          </cell>
        </row>
        <row r="56">
          <cell r="C56" t="str">
            <v>61 南足柄市</v>
          </cell>
        </row>
        <row r="57">
          <cell r="C57" t="str">
            <v>62 中井町</v>
          </cell>
        </row>
        <row r="58">
          <cell r="C58" t="str">
            <v>63 大井町</v>
          </cell>
        </row>
        <row r="59">
          <cell r="C59" t="str">
            <v>64 松田町</v>
          </cell>
        </row>
        <row r="60">
          <cell r="C60" t="str">
            <v>65 山北町</v>
          </cell>
        </row>
        <row r="61">
          <cell r="C61" t="str">
            <v>66 開成町</v>
          </cell>
        </row>
        <row r="62">
          <cell r="C62" t="str">
            <v>67 箱根町</v>
          </cell>
        </row>
        <row r="63">
          <cell r="C63" t="str">
            <v>68 真鶴町</v>
          </cell>
        </row>
        <row r="64">
          <cell r="C64" t="str">
            <v>69 湯河原町</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J985"/>
  <sheetViews>
    <sheetView tabSelected="1" zoomScale="85" zoomScaleNormal="85" workbookViewId="0">
      <pane ySplit="3" topLeftCell="A4" activePane="bottomLeft" state="frozen"/>
      <selection pane="bottomLeft" activeCell="J1" sqref="J1"/>
    </sheetView>
  </sheetViews>
  <sheetFormatPr defaultColWidth="9" defaultRowHeight="13.2" x14ac:dyDescent="0.2"/>
  <cols>
    <col min="1" max="1" width="1.69921875" style="1" customWidth="1"/>
    <col min="2" max="2" width="4.09765625" style="1" customWidth="1"/>
    <col min="3" max="4" width="21.69921875" style="1" customWidth="1"/>
    <col min="5" max="5" width="12" style="1" bestFit="1" customWidth="1"/>
    <col min="6" max="6" width="37.59765625" style="1" customWidth="1"/>
    <col min="7" max="7" width="15.69921875" style="1" customWidth="1"/>
    <col min="8" max="8" width="27" style="1" customWidth="1"/>
    <col min="9" max="9" width="27.19921875" style="1" customWidth="1"/>
    <col min="10" max="10" width="37.8984375" style="1" customWidth="1"/>
    <col min="11" max="11" width="9" style="1"/>
    <col min="12" max="12" width="13.5" style="1" customWidth="1"/>
    <col min="13" max="16384" width="9" style="1"/>
  </cols>
  <sheetData>
    <row r="1" spans="2:10" ht="33.6" customHeight="1" x14ac:dyDescent="0.2">
      <c r="C1" s="9" t="s">
        <v>1031</v>
      </c>
      <c r="D1" s="9"/>
      <c r="E1" s="9"/>
      <c r="F1" s="10"/>
      <c r="G1" s="10"/>
      <c r="H1" s="10"/>
      <c r="I1" s="10"/>
      <c r="J1" s="66" t="s">
        <v>2073</v>
      </c>
    </row>
    <row r="2" spans="2:10" ht="12.75" customHeight="1" x14ac:dyDescent="0.2">
      <c r="C2" s="8"/>
      <c r="D2" s="8"/>
      <c r="E2" s="8"/>
      <c r="F2" s="8"/>
      <c r="H2" s="2"/>
      <c r="I2" s="2"/>
      <c r="J2" s="2"/>
    </row>
    <row r="3" spans="2:10" ht="27" customHeight="1" x14ac:dyDescent="0.2">
      <c r="B3" s="25"/>
      <c r="C3" s="7" t="s">
        <v>388</v>
      </c>
      <c r="D3" s="7" t="s">
        <v>1832</v>
      </c>
      <c r="E3" s="7" t="s">
        <v>1834</v>
      </c>
      <c r="F3" s="7" t="s">
        <v>389</v>
      </c>
      <c r="G3" s="6" t="s">
        <v>1833</v>
      </c>
      <c r="H3" s="28" t="s">
        <v>1048</v>
      </c>
      <c r="I3" s="28" t="s">
        <v>1049</v>
      </c>
      <c r="J3" s="28" t="s">
        <v>1839</v>
      </c>
    </row>
    <row r="4" spans="2:10" ht="39.75" customHeight="1" x14ac:dyDescent="0.2">
      <c r="B4" s="24"/>
      <c r="C4" s="21" t="s">
        <v>353</v>
      </c>
      <c r="D4" s="22" t="s">
        <v>1050</v>
      </c>
      <c r="E4" s="63">
        <v>141011</v>
      </c>
      <c r="F4" s="22" t="s">
        <v>354</v>
      </c>
      <c r="G4" s="23" t="s">
        <v>390</v>
      </c>
      <c r="H4" s="29">
        <v>2</v>
      </c>
      <c r="I4" s="26">
        <v>0</v>
      </c>
      <c r="J4" s="33" t="s">
        <v>2080</v>
      </c>
    </row>
    <row r="5" spans="2:10" ht="39.75" customHeight="1" x14ac:dyDescent="0.2">
      <c r="B5" s="24"/>
      <c r="C5" s="11" t="s">
        <v>107</v>
      </c>
      <c r="D5" s="12" t="s">
        <v>1050</v>
      </c>
      <c r="E5" s="64">
        <v>141011</v>
      </c>
      <c r="F5" s="12" t="s">
        <v>343</v>
      </c>
      <c r="G5" s="13" t="s">
        <v>390</v>
      </c>
      <c r="H5" s="20">
        <v>4</v>
      </c>
      <c r="I5" s="18">
        <v>1</v>
      </c>
      <c r="J5" s="34"/>
    </row>
    <row r="6" spans="2:10" ht="39.75" customHeight="1" x14ac:dyDescent="0.2">
      <c r="B6" s="24"/>
      <c r="C6" s="11" t="s">
        <v>62</v>
      </c>
      <c r="D6" s="12" t="s">
        <v>1050</v>
      </c>
      <c r="E6" s="64">
        <v>141011</v>
      </c>
      <c r="F6" s="12" t="s">
        <v>1599</v>
      </c>
      <c r="G6" s="13" t="s">
        <v>390</v>
      </c>
      <c r="H6" s="20">
        <v>1</v>
      </c>
      <c r="I6" s="18">
        <v>2</v>
      </c>
      <c r="J6" s="34"/>
    </row>
    <row r="7" spans="2:10" ht="39.75" customHeight="1" x14ac:dyDescent="0.2">
      <c r="B7" s="24"/>
      <c r="C7" s="11" t="s">
        <v>128</v>
      </c>
      <c r="D7" s="12" t="s">
        <v>1050</v>
      </c>
      <c r="E7" s="64">
        <v>141011</v>
      </c>
      <c r="F7" s="12" t="s">
        <v>1433</v>
      </c>
      <c r="G7" s="13" t="s">
        <v>390</v>
      </c>
      <c r="H7" s="20">
        <v>1</v>
      </c>
      <c r="I7" s="18">
        <v>1</v>
      </c>
      <c r="J7" s="34"/>
    </row>
    <row r="8" spans="2:10" ht="39.75" customHeight="1" x14ac:dyDescent="0.2">
      <c r="B8" s="24"/>
      <c r="C8" s="11" t="s">
        <v>129</v>
      </c>
      <c r="D8" s="12" t="s">
        <v>1050</v>
      </c>
      <c r="E8" s="64">
        <v>141011</v>
      </c>
      <c r="F8" s="12" t="s">
        <v>1600</v>
      </c>
      <c r="G8" s="13" t="s">
        <v>390</v>
      </c>
      <c r="H8" s="20">
        <v>2</v>
      </c>
      <c r="I8" s="18">
        <v>0</v>
      </c>
      <c r="J8" s="34"/>
    </row>
    <row r="9" spans="2:10" ht="39.75" customHeight="1" x14ac:dyDescent="0.2">
      <c r="B9" s="24"/>
      <c r="C9" s="11" t="s">
        <v>273</v>
      </c>
      <c r="D9" s="12" t="s">
        <v>1050</v>
      </c>
      <c r="E9" s="64">
        <v>141020</v>
      </c>
      <c r="F9" s="12" t="s">
        <v>1349</v>
      </c>
      <c r="G9" s="13" t="s">
        <v>390</v>
      </c>
      <c r="H9" s="20">
        <v>1</v>
      </c>
      <c r="I9" s="18">
        <v>0</v>
      </c>
      <c r="J9" s="34"/>
    </row>
    <row r="10" spans="2:10" ht="39.75" customHeight="1" x14ac:dyDescent="0.2">
      <c r="B10" s="24"/>
      <c r="C10" s="11" t="s">
        <v>3</v>
      </c>
      <c r="D10" s="12" t="s">
        <v>1050</v>
      </c>
      <c r="E10" s="64">
        <v>141020</v>
      </c>
      <c r="F10" s="12" t="s">
        <v>1289</v>
      </c>
      <c r="G10" s="13" t="s">
        <v>390</v>
      </c>
      <c r="H10" s="20">
        <v>2</v>
      </c>
      <c r="I10" s="18">
        <v>1</v>
      </c>
      <c r="J10" s="34"/>
    </row>
    <row r="11" spans="2:10" ht="39.75" customHeight="1" x14ac:dyDescent="0.2">
      <c r="B11" s="24"/>
      <c r="C11" s="11" t="s">
        <v>23</v>
      </c>
      <c r="D11" s="12" t="s">
        <v>1050</v>
      </c>
      <c r="E11" s="64">
        <v>141020</v>
      </c>
      <c r="F11" s="12" t="s">
        <v>1237</v>
      </c>
      <c r="G11" s="13" t="s">
        <v>390</v>
      </c>
      <c r="H11" s="20">
        <v>1</v>
      </c>
      <c r="I11" s="18">
        <v>0</v>
      </c>
      <c r="J11" s="34"/>
    </row>
    <row r="12" spans="2:10" ht="39.75" customHeight="1" x14ac:dyDescent="0.2">
      <c r="B12" s="24"/>
      <c r="C12" s="11" t="s">
        <v>131</v>
      </c>
      <c r="D12" s="12" t="s">
        <v>1050</v>
      </c>
      <c r="E12" s="64">
        <v>141020</v>
      </c>
      <c r="F12" s="12" t="s">
        <v>1178</v>
      </c>
      <c r="G12" s="13" t="s">
        <v>390</v>
      </c>
      <c r="H12" s="20">
        <v>1</v>
      </c>
      <c r="I12" s="18">
        <v>0</v>
      </c>
      <c r="J12" s="34"/>
    </row>
    <row r="13" spans="2:10" ht="39.75" customHeight="1" x14ac:dyDescent="0.2">
      <c r="B13" s="24"/>
      <c r="C13" s="11" t="s">
        <v>132</v>
      </c>
      <c r="D13" s="12" t="s">
        <v>1050</v>
      </c>
      <c r="E13" s="64">
        <v>141020</v>
      </c>
      <c r="F13" s="12" t="s">
        <v>1434</v>
      </c>
      <c r="G13" s="13" t="s">
        <v>390</v>
      </c>
      <c r="H13" s="20">
        <v>2</v>
      </c>
      <c r="I13" s="18">
        <v>0</v>
      </c>
      <c r="J13" s="34"/>
    </row>
    <row r="14" spans="2:10" ht="39.75" customHeight="1" x14ac:dyDescent="0.2">
      <c r="B14" s="24"/>
      <c r="C14" s="11" t="s">
        <v>130</v>
      </c>
      <c r="D14" s="12" t="s">
        <v>1050</v>
      </c>
      <c r="E14" s="64">
        <v>141020</v>
      </c>
      <c r="F14" s="12" t="s">
        <v>1724</v>
      </c>
      <c r="G14" s="13" t="s">
        <v>390</v>
      </c>
      <c r="H14" s="20">
        <v>3</v>
      </c>
      <c r="I14" s="18">
        <v>0</v>
      </c>
      <c r="J14" s="34"/>
    </row>
    <row r="15" spans="2:10" ht="39.75" customHeight="1" x14ac:dyDescent="0.2">
      <c r="B15" s="24"/>
      <c r="C15" s="11" t="s">
        <v>70</v>
      </c>
      <c r="D15" s="12" t="s">
        <v>1050</v>
      </c>
      <c r="E15" s="64">
        <v>141038</v>
      </c>
      <c r="F15" s="12" t="s">
        <v>1204</v>
      </c>
      <c r="G15" s="13" t="s">
        <v>390</v>
      </c>
      <c r="H15" s="20">
        <v>1</v>
      </c>
      <c r="I15" s="18">
        <v>0</v>
      </c>
      <c r="J15" s="34"/>
    </row>
    <row r="16" spans="2:10" ht="39.75" customHeight="1" x14ac:dyDescent="0.2">
      <c r="B16" s="24"/>
      <c r="C16" s="11" t="s">
        <v>272</v>
      </c>
      <c r="D16" s="12" t="s">
        <v>1050</v>
      </c>
      <c r="E16" s="64">
        <v>141038</v>
      </c>
      <c r="F16" s="12" t="s">
        <v>1435</v>
      </c>
      <c r="G16" s="13" t="s">
        <v>390</v>
      </c>
      <c r="H16" s="20">
        <v>1</v>
      </c>
      <c r="I16" s="18">
        <v>0</v>
      </c>
      <c r="J16" s="34"/>
    </row>
    <row r="17" spans="2:10" ht="52.8" x14ac:dyDescent="0.2">
      <c r="B17" s="24"/>
      <c r="C17" s="11" t="s">
        <v>51</v>
      </c>
      <c r="D17" s="12" t="s">
        <v>1050</v>
      </c>
      <c r="E17" s="64">
        <v>141038</v>
      </c>
      <c r="F17" s="12" t="s">
        <v>1725</v>
      </c>
      <c r="G17" s="13" t="s">
        <v>390</v>
      </c>
      <c r="H17" s="20">
        <v>5</v>
      </c>
      <c r="I17" s="18">
        <v>2</v>
      </c>
      <c r="J17" s="34" t="s">
        <v>323</v>
      </c>
    </row>
    <row r="18" spans="2:10" ht="39.75" customHeight="1" x14ac:dyDescent="0.2">
      <c r="B18" s="24"/>
      <c r="C18" s="11" t="s">
        <v>133</v>
      </c>
      <c r="D18" s="12" t="s">
        <v>1050</v>
      </c>
      <c r="E18" s="64">
        <v>141038</v>
      </c>
      <c r="F18" s="12" t="s">
        <v>1601</v>
      </c>
      <c r="G18" s="13" t="s">
        <v>390</v>
      </c>
      <c r="H18" s="20">
        <v>1</v>
      </c>
      <c r="I18" s="18">
        <v>0</v>
      </c>
      <c r="J18" s="34"/>
    </row>
    <row r="19" spans="2:10" ht="39.75" customHeight="1" x14ac:dyDescent="0.2">
      <c r="B19" s="24"/>
      <c r="C19" s="11" t="s">
        <v>258</v>
      </c>
      <c r="D19" s="12" t="s">
        <v>1050</v>
      </c>
      <c r="E19" s="64">
        <v>141038</v>
      </c>
      <c r="F19" s="12" t="s">
        <v>1113</v>
      </c>
      <c r="G19" s="13" t="s">
        <v>390</v>
      </c>
      <c r="H19" s="20">
        <v>1</v>
      </c>
      <c r="I19" s="18">
        <v>0</v>
      </c>
      <c r="J19" s="34" t="s">
        <v>372</v>
      </c>
    </row>
    <row r="20" spans="2:10" ht="39.75" customHeight="1" x14ac:dyDescent="0.2">
      <c r="B20" s="24"/>
      <c r="C20" s="11" t="s">
        <v>381</v>
      </c>
      <c r="D20" s="12" t="s">
        <v>1050</v>
      </c>
      <c r="E20" s="64">
        <v>141046</v>
      </c>
      <c r="F20" s="12" t="s">
        <v>382</v>
      </c>
      <c r="G20" s="13" t="s">
        <v>390</v>
      </c>
      <c r="H20" s="20">
        <v>1</v>
      </c>
      <c r="I20" s="18">
        <v>0</v>
      </c>
      <c r="J20" s="34"/>
    </row>
    <row r="21" spans="2:10" ht="40.200000000000003" customHeight="1" x14ac:dyDescent="0.2">
      <c r="B21" s="24"/>
      <c r="C21" s="11" t="s">
        <v>14</v>
      </c>
      <c r="D21" s="12" t="s">
        <v>1050</v>
      </c>
      <c r="E21" s="64">
        <v>141046</v>
      </c>
      <c r="F21" s="12" t="s">
        <v>1081</v>
      </c>
      <c r="G21" s="13" t="s">
        <v>390</v>
      </c>
      <c r="H21" s="20">
        <v>2</v>
      </c>
      <c r="I21" s="18">
        <v>2</v>
      </c>
      <c r="J21" s="34" t="s">
        <v>2081</v>
      </c>
    </row>
    <row r="22" spans="2:10" ht="39.75" customHeight="1" x14ac:dyDescent="0.2">
      <c r="B22" s="24"/>
      <c r="C22" s="11" t="s">
        <v>13</v>
      </c>
      <c r="D22" s="12" t="s">
        <v>1050</v>
      </c>
      <c r="E22" s="64">
        <v>141046</v>
      </c>
      <c r="F22" s="12" t="s">
        <v>1080</v>
      </c>
      <c r="G22" s="13" t="s">
        <v>390</v>
      </c>
      <c r="H22" s="20">
        <v>1</v>
      </c>
      <c r="I22" s="18">
        <v>0</v>
      </c>
      <c r="J22" s="34"/>
    </row>
    <row r="23" spans="2:10" ht="39.75" customHeight="1" x14ac:dyDescent="0.2">
      <c r="B23" s="24"/>
      <c r="C23" s="11" t="s">
        <v>267</v>
      </c>
      <c r="D23" s="12" t="s">
        <v>1050</v>
      </c>
      <c r="E23" s="64">
        <v>141046</v>
      </c>
      <c r="F23" s="12" t="s">
        <v>1350</v>
      </c>
      <c r="G23" s="13" t="s">
        <v>390</v>
      </c>
      <c r="H23" s="20">
        <v>1</v>
      </c>
      <c r="I23" s="18">
        <v>0</v>
      </c>
      <c r="J23" s="34"/>
    </row>
    <row r="24" spans="2:10" ht="39.75" customHeight="1" x14ac:dyDescent="0.2">
      <c r="B24" s="24"/>
      <c r="C24" s="11" t="s">
        <v>15</v>
      </c>
      <c r="D24" s="12" t="s">
        <v>1050</v>
      </c>
      <c r="E24" s="64">
        <v>141046</v>
      </c>
      <c r="F24" s="12" t="s">
        <v>1082</v>
      </c>
      <c r="G24" s="13" t="s">
        <v>390</v>
      </c>
      <c r="H24" s="20">
        <v>1</v>
      </c>
      <c r="I24" s="18">
        <v>1</v>
      </c>
      <c r="J24" s="34"/>
    </row>
    <row r="25" spans="2:10" ht="39.75" customHeight="1" x14ac:dyDescent="0.2">
      <c r="B25" s="24"/>
      <c r="C25" s="11" t="s">
        <v>16</v>
      </c>
      <c r="D25" s="12" t="s">
        <v>1050</v>
      </c>
      <c r="E25" s="64">
        <v>141046</v>
      </c>
      <c r="F25" s="12" t="s">
        <v>1083</v>
      </c>
      <c r="G25" s="13" t="s">
        <v>390</v>
      </c>
      <c r="H25" s="20">
        <v>2</v>
      </c>
      <c r="I25" s="18">
        <v>0</v>
      </c>
      <c r="J25" s="34"/>
    </row>
    <row r="26" spans="2:10" ht="39.75" customHeight="1" x14ac:dyDescent="0.2">
      <c r="B26" s="24"/>
      <c r="C26" s="11" t="s">
        <v>271</v>
      </c>
      <c r="D26" s="12" t="s">
        <v>1050</v>
      </c>
      <c r="E26" s="64">
        <v>141046</v>
      </c>
      <c r="F26" s="15" t="s">
        <v>1238</v>
      </c>
      <c r="G26" s="13" t="s">
        <v>390</v>
      </c>
      <c r="H26" s="20">
        <v>1</v>
      </c>
      <c r="I26" s="18">
        <v>0</v>
      </c>
      <c r="J26" s="34"/>
    </row>
    <row r="27" spans="2:10" ht="39.75" customHeight="1" x14ac:dyDescent="0.2">
      <c r="B27" s="24"/>
      <c r="C27" s="11" t="s">
        <v>266</v>
      </c>
      <c r="D27" s="12" t="s">
        <v>1050</v>
      </c>
      <c r="E27" s="64">
        <v>141046</v>
      </c>
      <c r="F27" s="12" t="s">
        <v>1239</v>
      </c>
      <c r="G27" s="13" t="s">
        <v>390</v>
      </c>
      <c r="H27" s="20">
        <v>1</v>
      </c>
      <c r="I27" s="18">
        <v>0</v>
      </c>
      <c r="J27" s="34"/>
    </row>
    <row r="28" spans="2:10" ht="39.75" customHeight="1" x14ac:dyDescent="0.2">
      <c r="B28" s="24"/>
      <c r="C28" s="11" t="s">
        <v>20</v>
      </c>
      <c r="D28" s="12" t="s">
        <v>1050</v>
      </c>
      <c r="E28" s="64">
        <v>141046</v>
      </c>
      <c r="F28" s="12" t="s">
        <v>1602</v>
      </c>
      <c r="G28" s="13" t="s">
        <v>390</v>
      </c>
      <c r="H28" s="20">
        <v>2</v>
      </c>
      <c r="I28" s="18">
        <v>0</v>
      </c>
      <c r="J28" s="34" t="s">
        <v>2082</v>
      </c>
    </row>
    <row r="29" spans="2:10" ht="39.75" customHeight="1" x14ac:dyDescent="0.2">
      <c r="B29" s="24"/>
      <c r="C29" s="11" t="s">
        <v>60</v>
      </c>
      <c r="D29" s="12" t="s">
        <v>1050</v>
      </c>
      <c r="E29" s="64">
        <v>141046</v>
      </c>
      <c r="F29" s="12" t="s">
        <v>1114</v>
      </c>
      <c r="G29" s="13" t="s">
        <v>390</v>
      </c>
      <c r="H29" s="20">
        <v>2</v>
      </c>
      <c r="I29" s="18">
        <v>1</v>
      </c>
      <c r="J29" s="34"/>
    </row>
    <row r="30" spans="2:10" ht="39.75" customHeight="1" x14ac:dyDescent="0.2">
      <c r="B30" s="24"/>
      <c r="C30" s="11" t="s">
        <v>262</v>
      </c>
      <c r="D30" s="12" t="s">
        <v>1050</v>
      </c>
      <c r="E30" s="64">
        <v>141046</v>
      </c>
      <c r="F30" s="12" t="s">
        <v>1436</v>
      </c>
      <c r="G30" s="13" t="s">
        <v>390</v>
      </c>
      <c r="H30" s="20">
        <v>2</v>
      </c>
      <c r="I30" s="18">
        <v>0</v>
      </c>
      <c r="J30" s="34" t="s">
        <v>374</v>
      </c>
    </row>
    <row r="31" spans="2:10" ht="39.75" customHeight="1" x14ac:dyDescent="0.2">
      <c r="B31" s="24"/>
      <c r="C31" s="11" t="s">
        <v>135</v>
      </c>
      <c r="D31" s="12" t="s">
        <v>1050</v>
      </c>
      <c r="E31" s="64">
        <v>141046</v>
      </c>
      <c r="F31" s="12" t="s">
        <v>1840</v>
      </c>
      <c r="G31" s="13" t="s">
        <v>390</v>
      </c>
      <c r="H31" s="20">
        <v>1</v>
      </c>
      <c r="I31" s="18">
        <v>1</v>
      </c>
      <c r="J31" s="34"/>
    </row>
    <row r="32" spans="2:10" ht="39.75" customHeight="1" x14ac:dyDescent="0.2">
      <c r="B32" s="24"/>
      <c r="C32" s="11" t="s">
        <v>134</v>
      </c>
      <c r="D32" s="12" t="s">
        <v>1050</v>
      </c>
      <c r="E32" s="64">
        <v>141046</v>
      </c>
      <c r="F32" s="12" t="s">
        <v>1513</v>
      </c>
      <c r="G32" s="13" t="s">
        <v>390</v>
      </c>
      <c r="H32" s="20">
        <v>1</v>
      </c>
      <c r="I32" s="18">
        <v>0</v>
      </c>
      <c r="J32" s="34"/>
    </row>
    <row r="33" spans="2:10" ht="39.75" customHeight="1" x14ac:dyDescent="0.2">
      <c r="B33" s="24"/>
      <c r="C33" s="11" t="s">
        <v>11</v>
      </c>
      <c r="D33" s="12" t="s">
        <v>1050</v>
      </c>
      <c r="E33" s="64">
        <v>141054</v>
      </c>
      <c r="F33" s="12" t="s">
        <v>1240</v>
      </c>
      <c r="G33" s="13" t="s">
        <v>390</v>
      </c>
      <c r="H33" s="20">
        <v>2</v>
      </c>
      <c r="I33" s="18">
        <v>0</v>
      </c>
      <c r="J33" s="34"/>
    </row>
    <row r="34" spans="2:10" ht="39.75" customHeight="1" x14ac:dyDescent="0.2">
      <c r="B34" s="24"/>
      <c r="C34" s="11" t="s">
        <v>136</v>
      </c>
      <c r="D34" s="12" t="s">
        <v>1050</v>
      </c>
      <c r="E34" s="64">
        <v>141054</v>
      </c>
      <c r="F34" s="12" t="s">
        <v>1290</v>
      </c>
      <c r="G34" s="13" t="s">
        <v>390</v>
      </c>
      <c r="H34" s="20">
        <v>4</v>
      </c>
      <c r="I34" s="18">
        <v>0</v>
      </c>
      <c r="J34" s="34"/>
    </row>
    <row r="35" spans="2:10" ht="39.75" customHeight="1" x14ac:dyDescent="0.2">
      <c r="B35" s="24"/>
      <c r="C35" s="11" t="s">
        <v>270</v>
      </c>
      <c r="D35" s="12" t="s">
        <v>1050</v>
      </c>
      <c r="E35" s="64">
        <v>141054</v>
      </c>
      <c r="F35" s="12" t="s">
        <v>1291</v>
      </c>
      <c r="G35" s="13" t="s">
        <v>390</v>
      </c>
      <c r="H35" s="20">
        <v>1</v>
      </c>
      <c r="I35" s="18">
        <v>0</v>
      </c>
      <c r="J35" s="34"/>
    </row>
    <row r="36" spans="2:10" ht="39.75" customHeight="1" x14ac:dyDescent="0.2">
      <c r="B36" s="24"/>
      <c r="C36" s="11" t="s">
        <v>137</v>
      </c>
      <c r="D36" s="12" t="s">
        <v>1050</v>
      </c>
      <c r="E36" s="64">
        <v>141054</v>
      </c>
      <c r="F36" s="12" t="s">
        <v>1115</v>
      </c>
      <c r="G36" s="13" t="s">
        <v>390</v>
      </c>
      <c r="H36" s="20">
        <v>1</v>
      </c>
      <c r="I36" s="18">
        <v>0</v>
      </c>
      <c r="J36" s="34"/>
    </row>
    <row r="37" spans="2:10" ht="39.75" customHeight="1" x14ac:dyDescent="0.2">
      <c r="B37" s="24"/>
      <c r="C37" s="11" t="s">
        <v>274</v>
      </c>
      <c r="D37" s="12" t="s">
        <v>1050</v>
      </c>
      <c r="E37" s="64">
        <v>141062</v>
      </c>
      <c r="F37" s="12" t="s">
        <v>1514</v>
      </c>
      <c r="G37" s="13" t="s">
        <v>390</v>
      </c>
      <c r="H37" s="20">
        <v>1</v>
      </c>
      <c r="I37" s="18">
        <v>0</v>
      </c>
      <c r="J37" s="34"/>
    </row>
    <row r="38" spans="2:10" ht="39.75" customHeight="1" x14ac:dyDescent="0.2">
      <c r="B38" s="24"/>
      <c r="C38" s="11" t="s">
        <v>106</v>
      </c>
      <c r="D38" s="12" t="s">
        <v>1050</v>
      </c>
      <c r="E38" s="64">
        <v>141062</v>
      </c>
      <c r="F38" s="12" t="s">
        <v>342</v>
      </c>
      <c r="G38" s="13" t="s">
        <v>390</v>
      </c>
      <c r="H38" s="20">
        <v>7</v>
      </c>
      <c r="I38" s="18">
        <v>2</v>
      </c>
      <c r="J38" s="34"/>
    </row>
    <row r="39" spans="2:10" ht="39.75" customHeight="1" x14ac:dyDescent="0.2">
      <c r="B39" s="24"/>
      <c r="C39" s="11" t="s">
        <v>141</v>
      </c>
      <c r="D39" s="12" t="s">
        <v>1050</v>
      </c>
      <c r="E39" s="64">
        <v>141062</v>
      </c>
      <c r="F39" s="12" t="s">
        <v>1515</v>
      </c>
      <c r="G39" s="13" t="s">
        <v>390</v>
      </c>
      <c r="H39" s="20">
        <v>1</v>
      </c>
      <c r="I39" s="18">
        <v>0</v>
      </c>
      <c r="J39" s="34"/>
    </row>
    <row r="40" spans="2:10" ht="39.75" customHeight="1" x14ac:dyDescent="0.2">
      <c r="B40" s="24"/>
      <c r="C40" s="11" t="s">
        <v>142</v>
      </c>
      <c r="D40" s="12" t="s">
        <v>1050</v>
      </c>
      <c r="E40" s="64">
        <v>141062</v>
      </c>
      <c r="F40" s="12" t="s">
        <v>1516</v>
      </c>
      <c r="G40" s="13" t="s">
        <v>390</v>
      </c>
      <c r="H40" s="20">
        <v>1</v>
      </c>
      <c r="I40" s="18">
        <v>0</v>
      </c>
      <c r="J40" s="34"/>
    </row>
    <row r="41" spans="2:10" ht="39.75" customHeight="1" x14ac:dyDescent="0.2">
      <c r="B41" s="24"/>
      <c r="C41" s="11" t="s">
        <v>143</v>
      </c>
      <c r="D41" s="12" t="s">
        <v>1050</v>
      </c>
      <c r="E41" s="64">
        <v>141062</v>
      </c>
      <c r="F41" s="12" t="s">
        <v>1517</v>
      </c>
      <c r="G41" s="13" t="s">
        <v>390</v>
      </c>
      <c r="H41" s="20">
        <v>0</v>
      </c>
      <c r="I41" s="18">
        <v>1</v>
      </c>
      <c r="J41" s="34"/>
    </row>
    <row r="42" spans="2:10" ht="39.75" customHeight="1" x14ac:dyDescent="0.2">
      <c r="B42" s="24"/>
      <c r="C42" s="11" t="s">
        <v>268</v>
      </c>
      <c r="D42" s="12" t="s">
        <v>1050</v>
      </c>
      <c r="E42" s="64">
        <v>141071</v>
      </c>
      <c r="F42" s="12" t="s">
        <v>1351</v>
      </c>
      <c r="G42" s="13" t="s">
        <v>390</v>
      </c>
      <c r="H42" s="20">
        <v>1</v>
      </c>
      <c r="I42" s="18">
        <v>0</v>
      </c>
      <c r="J42" s="34"/>
    </row>
    <row r="43" spans="2:10" ht="39.75" customHeight="1" x14ac:dyDescent="0.2">
      <c r="B43" s="24"/>
      <c r="C43" s="11" t="s">
        <v>148</v>
      </c>
      <c r="D43" s="12" t="s">
        <v>1050</v>
      </c>
      <c r="E43" s="64">
        <v>141071</v>
      </c>
      <c r="F43" s="12" t="s">
        <v>1352</v>
      </c>
      <c r="G43" s="13" t="s">
        <v>390</v>
      </c>
      <c r="H43" s="20">
        <v>1</v>
      </c>
      <c r="I43" s="18">
        <v>0</v>
      </c>
      <c r="J43" s="34"/>
    </row>
    <row r="44" spans="2:10" ht="39.75" customHeight="1" x14ac:dyDescent="0.2">
      <c r="B44" s="24"/>
      <c r="C44" s="11" t="s">
        <v>149</v>
      </c>
      <c r="D44" s="12" t="s">
        <v>1050</v>
      </c>
      <c r="E44" s="64">
        <v>141071</v>
      </c>
      <c r="F44" s="12" t="s">
        <v>1726</v>
      </c>
      <c r="G44" s="13" t="s">
        <v>390</v>
      </c>
      <c r="H44" s="20">
        <v>2</v>
      </c>
      <c r="I44" s="18">
        <v>0</v>
      </c>
      <c r="J44" s="34"/>
    </row>
    <row r="45" spans="2:10" ht="39.75" customHeight="1" x14ac:dyDescent="0.2">
      <c r="B45" s="24"/>
      <c r="C45" s="11" t="s">
        <v>269</v>
      </c>
      <c r="D45" s="12" t="s">
        <v>1050</v>
      </c>
      <c r="E45" s="64">
        <v>141089</v>
      </c>
      <c r="F45" s="12" t="s">
        <v>1205</v>
      </c>
      <c r="G45" s="13" t="s">
        <v>390</v>
      </c>
      <c r="H45" s="20">
        <v>1</v>
      </c>
      <c r="I45" s="18">
        <v>1</v>
      </c>
      <c r="J45" s="34"/>
    </row>
    <row r="46" spans="2:10" ht="39.75" customHeight="1" x14ac:dyDescent="0.2">
      <c r="B46" s="24"/>
      <c r="C46" s="11" t="s">
        <v>355</v>
      </c>
      <c r="D46" s="12" t="s">
        <v>1050</v>
      </c>
      <c r="E46" s="64">
        <v>141089</v>
      </c>
      <c r="F46" s="12" t="s">
        <v>1437</v>
      </c>
      <c r="G46" s="13" t="s">
        <v>390</v>
      </c>
      <c r="H46" s="20">
        <v>2</v>
      </c>
      <c r="I46" s="18">
        <v>0</v>
      </c>
      <c r="J46" s="33" t="s">
        <v>2080</v>
      </c>
    </row>
    <row r="47" spans="2:10" ht="39.75" customHeight="1" x14ac:dyDescent="0.2">
      <c r="B47" s="24"/>
      <c r="C47" s="11" t="s">
        <v>151</v>
      </c>
      <c r="D47" s="12" t="s">
        <v>1050</v>
      </c>
      <c r="E47" s="64">
        <v>141089</v>
      </c>
      <c r="F47" s="12" t="s">
        <v>1603</v>
      </c>
      <c r="G47" s="13" t="s">
        <v>390</v>
      </c>
      <c r="H47" s="20">
        <v>2</v>
      </c>
      <c r="I47" s="18">
        <v>1</v>
      </c>
      <c r="J47" s="34" t="s">
        <v>348</v>
      </c>
    </row>
    <row r="48" spans="2:10" ht="39.75" customHeight="1" x14ac:dyDescent="0.2">
      <c r="B48" s="24"/>
      <c r="C48" s="11" t="s">
        <v>259</v>
      </c>
      <c r="D48" s="12" t="s">
        <v>1050</v>
      </c>
      <c r="E48" s="64">
        <v>141089</v>
      </c>
      <c r="F48" s="12" t="s">
        <v>1292</v>
      </c>
      <c r="G48" s="13" t="s">
        <v>390</v>
      </c>
      <c r="H48" s="20">
        <v>0</v>
      </c>
      <c r="I48" s="18">
        <v>3</v>
      </c>
      <c r="J48" s="34"/>
    </row>
    <row r="49" spans="2:10" ht="39.75" customHeight="1" x14ac:dyDescent="0.2">
      <c r="B49" s="24"/>
      <c r="C49" s="11" t="s">
        <v>150</v>
      </c>
      <c r="D49" s="12" t="s">
        <v>1050</v>
      </c>
      <c r="E49" s="64">
        <v>141089</v>
      </c>
      <c r="F49" s="12" t="s">
        <v>1438</v>
      </c>
      <c r="G49" s="13" t="s">
        <v>390</v>
      </c>
      <c r="H49" s="20">
        <v>2</v>
      </c>
      <c r="I49" s="18">
        <v>0</v>
      </c>
      <c r="J49" s="34"/>
    </row>
    <row r="50" spans="2:10" ht="39.75" customHeight="1" x14ac:dyDescent="0.2">
      <c r="B50" s="24"/>
      <c r="C50" s="11" t="s">
        <v>277</v>
      </c>
      <c r="D50" s="12" t="s">
        <v>1050</v>
      </c>
      <c r="E50" s="64">
        <v>141097</v>
      </c>
      <c r="F50" s="12" t="s">
        <v>1604</v>
      </c>
      <c r="G50" s="13" t="s">
        <v>390</v>
      </c>
      <c r="H50" s="20">
        <v>1</v>
      </c>
      <c r="I50" s="18">
        <v>0</v>
      </c>
      <c r="J50" s="34"/>
    </row>
    <row r="51" spans="2:10" ht="39.75" customHeight="1" x14ac:dyDescent="0.2">
      <c r="B51" s="24"/>
      <c r="C51" s="11" t="s">
        <v>154</v>
      </c>
      <c r="D51" s="12" t="s">
        <v>1050</v>
      </c>
      <c r="E51" s="64">
        <v>141097</v>
      </c>
      <c r="F51" s="12" t="s">
        <v>1518</v>
      </c>
      <c r="G51" s="13" t="s">
        <v>390</v>
      </c>
      <c r="H51" s="20">
        <v>2</v>
      </c>
      <c r="I51" s="18">
        <v>0</v>
      </c>
      <c r="J51" s="34"/>
    </row>
    <row r="52" spans="2:10" ht="39.75" customHeight="1" x14ac:dyDescent="0.2">
      <c r="B52" s="24"/>
      <c r="C52" s="11" t="s">
        <v>25</v>
      </c>
      <c r="D52" s="12" t="s">
        <v>1050</v>
      </c>
      <c r="E52" s="64">
        <v>141097</v>
      </c>
      <c r="F52" s="12" t="s">
        <v>1519</v>
      </c>
      <c r="G52" s="13" t="s">
        <v>390</v>
      </c>
      <c r="H52" s="20">
        <v>1</v>
      </c>
      <c r="I52" s="18">
        <v>0</v>
      </c>
      <c r="J52" s="34" t="s">
        <v>318</v>
      </c>
    </row>
    <row r="53" spans="2:10" ht="39.75" customHeight="1" x14ac:dyDescent="0.2">
      <c r="B53" s="24"/>
      <c r="C53" s="11" t="s">
        <v>153</v>
      </c>
      <c r="D53" s="12" t="s">
        <v>1050</v>
      </c>
      <c r="E53" s="64">
        <v>141097</v>
      </c>
      <c r="F53" s="12" t="s">
        <v>1605</v>
      </c>
      <c r="G53" s="13" t="s">
        <v>390</v>
      </c>
      <c r="H53" s="20">
        <v>2</v>
      </c>
      <c r="I53" s="18">
        <v>0</v>
      </c>
      <c r="J53" s="34"/>
    </row>
    <row r="54" spans="2:10" ht="39.75" customHeight="1" x14ac:dyDescent="0.2">
      <c r="B54" s="24"/>
      <c r="C54" s="11" t="s">
        <v>152</v>
      </c>
      <c r="D54" s="12" t="s">
        <v>1050</v>
      </c>
      <c r="E54" s="64">
        <v>141097</v>
      </c>
      <c r="F54" s="12" t="s">
        <v>1520</v>
      </c>
      <c r="G54" s="13" t="s">
        <v>390</v>
      </c>
      <c r="H54" s="20">
        <v>2</v>
      </c>
      <c r="I54" s="18">
        <v>0</v>
      </c>
      <c r="J54" s="34"/>
    </row>
    <row r="55" spans="2:10" ht="39.75" customHeight="1" x14ac:dyDescent="0.2">
      <c r="B55" s="24"/>
      <c r="C55" s="11" t="s">
        <v>281</v>
      </c>
      <c r="D55" s="12" t="s">
        <v>1050</v>
      </c>
      <c r="E55" s="64">
        <v>141101</v>
      </c>
      <c r="F55" s="16" t="s">
        <v>1606</v>
      </c>
      <c r="G55" s="13" t="s">
        <v>390</v>
      </c>
      <c r="H55" s="20">
        <v>1</v>
      </c>
      <c r="I55" s="18">
        <v>0</v>
      </c>
      <c r="J55" s="34"/>
    </row>
    <row r="56" spans="2:10" ht="39.75" customHeight="1" x14ac:dyDescent="0.2">
      <c r="B56" s="24"/>
      <c r="C56" s="11" t="s">
        <v>163</v>
      </c>
      <c r="D56" s="12" t="s">
        <v>1050</v>
      </c>
      <c r="E56" s="64">
        <v>141101</v>
      </c>
      <c r="F56" s="12" t="s">
        <v>1727</v>
      </c>
      <c r="G56" s="13" t="s">
        <v>390</v>
      </c>
      <c r="H56" s="20">
        <v>1</v>
      </c>
      <c r="I56" s="18">
        <v>0</v>
      </c>
      <c r="J56" s="34"/>
    </row>
    <row r="57" spans="2:10" ht="39.75" customHeight="1" x14ac:dyDescent="0.2">
      <c r="B57" s="24"/>
      <c r="C57" s="11" t="s">
        <v>8</v>
      </c>
      <c r="D57" s="12" t="s">
        <v>1050</v>
      </c>
      <c r="E57" s="64">
        <v>141101</v>
      </c>
      <c r="F57" s="12" t="s">
        <v>1728</v>
      </c>
      <c r="G57" s="13" t="s">
        <v>390</v>
      </c>
      <c r="H57" s="20">
        <v>1</v>
      </c>
      <c r="I57" s="18">
        <v>0</v>
      </c>
      <c r="J57" s="34"/>
    </row>
    <row r="58" spans="2:10" ht="39.75" customHeight="1" x14ac:dyDescent="0.2">
      <c r="B58" s="24"/>
      <c r="C58" s="11" t="s">
        <v>162</v>
      </c>
      <c r="D58" s="12" t="s">
        <v>1050</v>
      </c>
      <c r="E58" s="64">
        <v>141101</v>
      </c>
      <c r="F58" s="12" t="s">
        <v>1439</v>
      </c>
      <c r="G58" s="13" t="s">
        <v>390</v>
      </c>
      <c r="H58" s="20">
        <v>2</v>
      </c>
      <c r="I58" s="18">
        <v>0</v>
      </c>
      <c r="J58" s="34"/>
    </row>
    <row r="59" spans="2:10" ht="39.75" customHeight="1" x14ac:dyDescent="0.2">
      <c r="B59" s="24"/>
      <c r="C59" s="11" t="s">
        <v>276</v>
      </c>
      <c r="D59" s="12" t="s">
        <v>1050</v>
      </c>
      <c r="E59" s="64">
        <v>141119</v>
      </c>
      <c r="F59" s="12" t="s">
        <v>1179</v>
      </c>
      <c r="G59" s="13" t="s">
        <v>390</v>
      </c>
      <c r="H59" s="20">
        <v>1</v>
      </c>
      <c r="I59" s="18">
        <v>0</v>
      </c>
      <c r="J59" s="34"/>
    </row>
    <row r="60" spans="2:10" ht="39.75" customHeight="1" x14ac:dyDescent="0.2">
      <c r="B60" s="24"/>
      <c r="C60" s="11" t="s">
        <v>56</v>
      </c>
      <c r="D60" s="12" t="s">
        <v>1050</v>
      </c>
      <c r="E60" s="64">
        <v>141119</v>
      </c>
      <c r="F60" s="12" t="s">
        <v>1241</v>
      </c>
      <c r="G60" s="13" t="s">
        <v>390</v>
      </c>
      <c r="H60" s="20">
        <v>2</v>
      </c>
      <c r="I60" s="18">
        <v>0</v>
      </c>
      <c r="J60" s="34"/>
    </row>
    <row r="61" spans="2:10" ht="39.75" customHeight="1" x14ac:dyDescent="0.2">
      <c r="B61" s="24"/>
      <c r="C61" s="11" t="s">
        <v>140</v>
      </c>
      <c r="D61" s="12" t="s">
        <v>1050</v>
      </c>
      <c r="E61" s="64">
        <v>141119</v>
      </c>
      <c r="F61" s="12" t="s">
        <v>1607</v>
      </c>
      <c r="G61" s="13" t="s">
        <v>390</v>
      </c>
      <c r="H61" s="20">
        <v>2</v>
      </c>
      <c r="I61" s="18">
        <v>0</v>
      </c>
      <c r="J61" s="34"/>
    </row>
    <row r="62" spans="2:10" ht="39.75" customHeight="1" x14ac:dyDescent="0.2">
      <c r="B62" s="24"/>
      <c r="C62" s="11" t="s">
        <v>139</v>
      </c>
      <c r="D62" s="12" t="s">
        <v>1050</v>
      </c>
      <c r="E62" s="64">
        <v>141119</v>
      </c>
      <c r="F62" s="12" t="s">
        <v>1729</v>
      </c>
      <c r="G62" s="13" t="s">
        <v>390</v>
      </c>
      <c r="H62" s="20">
        <v>1</v>
      </c>
      <c r="I62" s="18">
        <v>0</v>
      </c>
      <c r="J62" s="34"/>
    </row>
    <row r="63" spans="2:10" ht="39.75" customHeight="1" x14ac:dyDescent="0.2">
      <c r="B63" s="24"/>
      <c r="C63" s="11" t="s">
        <v>138</v>
      </c>
      <c r="D63" s="12" t="s">
        <v>1050</v>
      </c>
      <c r="E63" s="64">
        <v>141119</v>
      </c>
      <c r="F63" s="12" t="s">
        <v>1440</v>
      </c>
      <c r="G63" s="13" t="s">
        <v>390</v>
      </c>
      <c r="H63" s="20">
        <v>2</v>
      </c>
      <c r="I63" s="18">
        <v>0</v>
      </c>
      <c r="J63" s="34"/>
    </row>
    <row r="64" spans="2:10" ht="39.75" customHeight="1" x14ac:dyDescent="0.2">
      <c r="B64" s="24"/>
      <c r="C64" s="11" t="s">
        <v>146</v>
      </c>
      <c r="D64" s="12" t="s">
        <v>1050</v>
      </c>
      <c r="E64" s="64">
        <v>141127</v>
      </c>
      <c r="F64" s="12" t="s">
        <v>1521</v>
      </c>
      <c r="G64" s="13" t="s">
        <v>390</v>
      </c>
      <c r="H64" s="20">
        <v>0</v>
      </c>
      <c r="I64" s="18">
        <v>2</v>
      </c>
      <c r="J64" s="34"/>
    </row>
    <row r="65" spans="2:10" ht="39.75" customHeight="1" x14ac:dyDescent="0.2">
      <c r="B65" s="24"/>
      <c r="C65" s="13" t="s">
        <v>383</v>
      </c>
      <c r="D65" s="12" t="s">
        <v>1050</v>
      </c>
      <c r="E65" s="64">
        <v>141127</v>
      </c>
      <c r="F65" s="12" t="s">
        <v>1180</v>
      </c>
      <c r="G65" s="13" t="s">
        <v>390</v>
      </c>
      <c r="H65" s="20">
        <v>7</v>
      </c>
      <c r="I65" s="18">
        <v>0</v>
      </c>
      <c r="J65" s="34"/>
    </row>
    <row r="66" spans="2:10" ht="39.75" customHeight="1" x14ac:dyDescent="0.2">
      <c r="B66" s="24"/>
      <c r="C66" s="11" t="s">
        <v>2</v>
      </c>
      <c r="D66" s="12" t="s">
        <v>1050</v>
      </c>
      <c r="E66" s="64">
        <v>141127</v>
      </c>
      <c r="F66" s="12" t="s">
        <v>316</v>
      </c>
      <c r="G66" s="13" t="s">
        <v>390</v>
      </c>
      <c r="H66" s="20">
        <v>1</v>
      </c>
      <c r="I66" s="18">
        <v>1</v>
      </c>
      <c r="J66" s="34"/>
    </row>
    <row r="67" spans="2:10" ht="39.75" customHeight="1" x14ac:dyDescent="0.2">
      <c r="B67" s="24"/>
      <c r="C67" s="11" t="s">
        <v>275</v>
      </c>
      <c r="D67" s="12" t="s">
        <v>1050</v>
      </c>
      <c r="E67" s="64">
        <v>141127</v>
      </c>
      <c r="F67" s="12" t="s">
        <v>376</v>
      </c>
      <c r="G67" s="13" t="s">
        <v>390</v>
      </c>
      <c r="H67" s="20">
        <v>1</v>
      </c>
      <c r="I67" s="18">
        <v>0</v>
      </c>
      <c r="J67" s="34"/>
    </row>
    <row r="68" spans="2:10" ht="39.75" customHeight="1" x14ac:dyDescent="0.2">
      <c r="B68" s="24"/>
      <c r="C68" s="11" t="s">
        <v>147</v>
      </c>
      <c r="D68" s="12" t="s">
        <v>1050</v>
      </c>
      <c r="E68" s="64">
        <v>141127</v>
      </c>
      <c r="F68" s="12" t="s">
        <v>1116</v>
      </c>
      <c r="G68" s="13" t="s">
        <v>390</v>
      </c>
      <c r="H68" s="20">
        <v>2</v>
      </c>
      <c r="I68" s="18">
        <v>0</v>
      </c>
      <c r="J68" s="34"/>
    </row>
    <row r="69" spans="2:10" ht="39.75" customHeight="1" x14ac:dyDescent="0.2">
      <c r="B69" s="24"/>
      <c r="C69" s="11" t="s">
        <v>145</v>
      </c>
      <c r="D69" s="12" t="s">
        <v>1050</v>
      </c>
      <c r="E69" s="64">
        <v>141127</v>
      </c>
      <c r="F69" s="12" t="s">
        <v>1353</v>
      </c>
      <c r="G69" s="13" t="s">
        <v>390</v>
      </c>
      <c r="H69" s="20">
        <v>4</v>
      </c>
      <c r="I69" s="18">
        <v>2</v>
      </c>
      <c r="J69" s="34"/>
    </row>
    <row r="70" spans="2:10" ht="39.75" customHeight="1" x14ac:dyDescent="0.2">
      <c r="B70" s="24"/>
      <c r="C70" s="11" t="s">
        <v>61</v>
      </c>
      <c r="D70" s="12" t="s">
        <v>1050</v>
      </c>
      <c r="E70" s="64">
        <v>141127</v>
      </c>
      <c r="F70" s="12" t="s">
        <v>1117</v>
      </c>
      <c r="G70" s="13" t="s">
        <v>390</v>
      </c>
      <c r="H70" s="20">
        <v>1</v>
      </c>
      <c r="I70" s="18">
        <v>0</v>
      </c>
      <c r="J70" s="34"/>
    </row>
    <row r="71" spans="2:10" ht="39.75" customHeight="1" x14ac:dyDescent="0.2">
      <c r="B71" s="24"/>
      <c r="C71" s="11" t="s">
        <v>144</v>
      </c>
      <c r="D71" s="12" t="s">
        <v>1050</v>
      </c>
      <c r="E71" s="64">
        <v>141127</v>
      </c>
      <c r="F71" s="12" t="s">
        <v>1730</v>
      </c>
      <c r="G71" s="13" t="s">
        <v>390</v>
      </c>
      <c r="H71" s="20">
        <v>1</v>
      </c>
      <c r="I71" s="18">
        <v>0</v>
      </c>
      <c r="J71" s="34"/>
    </row>
    <row r="72" spans="2:10" ht="39.75" customHeight="1" x14ac:dyDescent="0.2">
      <c r="B72" s="24"/>
      <c r="C72" s="11" t="s">
        <v>34</v>
      </c>
      <c r="D72" s="12" t="s">
        <v>1050</v>
      </c>
      <c r="E72" s="11">
        <v>141135</v>
      </c>
      <c r="F72" s="12" t="s">
        <v>1522</v>
      </c>
      <c r="G72" s="13" t="s">
        <v>390</v>
      </c>
      <c r="H72" s="20">
        <v>1</v>
      </c>
      <c r="I72" s="18">
        <v>0</v>
      </c>
      <c r="J72" s="34"/>
    </row>
    <row r="73" spans="2:10" ht="39.75" customHeight="1" x14ac:dyDescent="0.2">
      <c r="B73" s="24"/>
      <c r="C73" s="11" t="s">
        <v>108</v>
      </c>
      <c r="D73" s="12" t="s">
        <v>1050</v>
      </c>
      <c r="E73" s="11">
        <v>141135</v>
      </c>
      <c r="F73" s="12" t="s">
        <v>344</v>
      </c>
      <c r="G73" s="13" t="s">
        <v>390</v>
      </c>
      <c r="H73" s="20">
        <v>2</v>
      </c>
      <c r="I73" s="18">
        <v>4</v>
      </c>
      <c r="J73" s="34"/>
    </row>
    <row r="74" spans="2:10" ht="39.75" customHeight="1" x14ac:dyDescent="0.2">
      <c r="B74" s="24"/>
      <c r="C74" s="11" t="s">
        <v>278</v>
      </c>
      <c r="D74" s="12" t="s">
        <v>1050</v>
      </c>
      <c r="E74" s="11">
        <v>141135</v>
      </c>
      <c r="F74" s="12" t="s">
        <v>1441</v>
      </c>
      <c r="G74" s="13" t="s">
        <v>390</v>
      </c>
      <c r="H74" s="20">
        <v>1</v>
      </c>
      <c r="I74" s="18">
        <v>0</v>
      </c>
      <c r="J74" s="34"/>
    </row>
    <row r="75" spans="2:10" ht="39.75" customHeight="1" x14ac:dyDescent="0.2">
      <c r="B75" s="24"/>
      <c r="C75" s="11" t="s">
        <v>356</v>
      </c>
      <c r="D75" s="12" t="s">
        <v>1050</v>
      </c>
      <c r="E75" s="11">
        <v>141135</v>
      </c>
      <c r="F75" s="12" t="s">
        <v>1608</v>
      </c>
      <c r="G75" s="13" t="s">
        <v>390</v>
      </c>
      <c r="H75" s="20">
        <v>1</v>
      </c>
      <c r="I75" s="18">
        <v>0</v>
      </c>
      <c r="J75" s="33" t="s">
        <v>2080</v>
      </c>
    </row>
    <row r="76" spans="2:10" ht="39.75" customHeight="1" x14ac:dyDescent="0.2">
      <c r="B76" s="24"/>
      <c r="C76" s="11" t="s">
        <v>156</v>
      </c>
      <c r="D76" s="12" t="s">
        <v>1050</v>
      </c>
      <c r="E76" s="11">
        <v>141135</v>
      </c>
      <c r="F76" s="12" t="s">
        <v>1523</v>
      </c>
      <c r="G76" s="13" t="s">
        <v>390</v>
      </c>
      <c r="H76" s="20">
        <v>1</v>
      </c>
      <c r="I76" s="18">
        <v>2</v>
      </c>
      <c r="J76" s="34"/>
    </row>
    <row r="77" spans="2:10" ht="39.75" customHeight="1" x14ac:dyDescent="0.2">
      <c r="B77" s="24"/>
      <c r="C77" s="11" t="s">
        <v>155</v>
      </c>
      <c r="D77" s="12" t="s">
        <v>1050</v>
      </c>
      <c r="E77" s="11">
        <v>141135</v>
      </c>
      <c r="F77" s="12" t="s">
        <v>1831</v>
      </c>
      <c r="G77" s="13" t="s">
        <v>390</v>
      </c>
      <c r="H77" s="20">
        <v>2</v>
      </c>
      <c r="I77" s="18">
        <v>0</v>
      </c>
      <c r="J77" s="34"/>
    </row>
    <row r="78" spans="2:10" ht="39.75" customHeight="1" x14ac:dyDescent="0.2">
      <c r="B78" s="24"/>
      <c r="C78" s="11" t="s">
        <v>357</v>
      </c>
      <c r="D78" s="12" t="s">
        <v>1050</v>
      </c>
      <c r="E78" s="11">
        <v>141143</v>
      </c>
      <c r="F78" s="12" t="s">
        <v>1609</v>
      </c>
      <c r="G78" s="13" t="s">
        <v>390</v>
      </c>
      <c r="H78" s="20">
        <v>4</v>
      </c>
      <c r="I78" s="18">
        <v>0</v>
      </c>
      <c r="J78" s="33" t="s">
        <v>2080</v>
      </c>
    </row>
    <row r="79" spans="2:10" ht="39.75" customHeight="1" x14ac:dyDescent="0.2">
      <c r="B79" s="24"/>
      <c r="C79" s="11" t="s">
        <v>358</v>
      </c>
      <c r="D79" s="12" t="s">
        <v>1050</v>
      </c>
      <c r="E79" s="11">
        <v>141143</v>
      </c>
      <c r="F79" s="12" t="s">
        <v>1610</v>
      </c>
      <c r="G79" s="13" t="s">
        <v>390</v>
      </c>
      <c r="H79" s="20">
        <v>30</v>
      </c>
      <c r="I79" s="18">
        <v>0</v>
      </c>
      <c r="J79" s="33" t="s">
        <v>2080</v>
      </c>
    </row>
    <row r="80" spans="2:10" ht="39.75" customHeight="1" x14ac:dyDescent="0.2">
      <c r="B80" s="24"/>
      <c r="C80" s="11" t="s">
        <v>349</v>
      </c>
      <c r="D80" s="12" t="s">
        <v>1050</v>
      </c>
      <c r="E80" s="11">
        <v>141143</v>
      </c>
      <c r="F80" s="12" t="s">
        <v>1731</v>
      </c>
      <c r="G80" s="13" t="s">
        <v>390</v>
      </c>
      <c r="H80" s="20">
        <v>1</v>
      </c>
      <c r="I80" s="18">
        <v>0</v>
      </c>
      <c r="J80" s="34"/>
    </row>
    <row r="81" spans="2:10" ht="39.75" customHeight="1" x14ac:dyDescent="0.2">
      <c r="B81" s="24"/>
      <c r="C81" s="11" t="s">
        <v>255</v>
      </c>
      <c r="D81" s="12" t="s">
        <v>1050</v>
      </c>
      <c r="E81" s="11">
        <v>141143</v>
      </c>
      <c r="F81" s="12" t="s">
        <v>1118</v>
      </c>
      <c r="G81" s="13" t="s">
        <v>390</v>
      </c>
      <c r="H81" s="20">
        <v>1</v>
      </c>
      <c r="I81" s="18">
        <v>0</v>
      </c>
      <c r="J81" s="33" t="s">
        <v>2080</v>
      </c>
    </row>
    <row r="82" spans="2:10" ht="39.75" customHeight="1" x14ac:dyDescent="0.2">
      <c r="B82" s="24"/>
      <c r="C82" s="11" t="s">
        <v>2070</v>
      </c>
      <c r="D82" s="12" t="s">
        <v>2069</v>
      </c>
      <c r="E82" s="11">
        <v>141143</v>
      </c>
      <c r="F82" s="12" t="s">
        <v>2071</v>
      </c>
      <c r="G82" s="13" t="s">
        <v>2072</v>
      </c>
      <c r="H82" s="20">
        <v>1</v>
      </c>
      <c r="I82" s="18">
        <v>1</v>
      </c>
      <c r="J82" s="34"/>
    </row>
    <row r="83" spans="2:10" ht="39.75" customHeight="1" x14ac:dyDescent="0.2">
      <c r="B83" s="24"/>
      <c r="C83" s="11" t="s">
        <v>282</v>
      </c>
      <c r="D83" s="12" t="s">
        <v>1050</v>
      </c>
      <c r="E83" s="11">
        <v>141151</v>
      </c>
      <c r="F83" s="12" t="s">
        <v>1242</v>
      </c>
      <c r="G83" s="13" t="s">
        <v>390</v>
      </c>
      <c r="H83" s="20">
        <v>1</v>
      </c>
      <c r="I83" s="18">
        <v>0</v>
      </c>
      <c r="J83" s="34"/>
    </row>
    <row r="84" spans="2:10" ht="39.75" customHeight="1" x14ac:dyDescent="0.2">
      <c r="B84" s="24"/>
      <c r="C84" s="11" t="s">
        <v>165</v>
      </c>
      <c r="D84" s="12" t="s">
        <v>1050</v>
      </c>
      <c r="E84" s="11">
        <v>141151</v>
      </c>
      <c r="F84" s="12" t="s">
        <v>1181</v>
      </c>
      <c r="G84" s="13" t="s">
        <v>390</v>
      </c>
      <c r="H84" s="20">
        <v>2</v>
      </c>
      <c r="I84" s="18">
        <v>0</v>
      </c>
      <c r="J84" s="34"/>
    </row>
    <row r="85" spans="2:10" ht="39.75" customHeight="1" x14ac:dyDescent="0.2">
      <c r="B85" s="24"/>
      <c r="C85" s="11" t="s">
        <v>19</v>
      </c>
      <c r="D85" s="12" t="s">
        <v>1050</v>
      </c>
      <c r="E85" s="11">
        <v>141151</v>
      </c>
      <c r="F85" s="12" t="s">
        <v>1206</v>
      </c>
      <c r="G85" s="13" t="s">
        <v>390</v>
      </c>
      <c r="H85" s="20">
        <v>2</v>
      </c>
      <c r="I85" s="18">
        <v>0</v>
      </c>
      <c r="J85" s="34"/>
    </row>
    <row r="86" spans="2:10" ht="39.75" customHeight="1" x14ac:dyDescent="0.2">
      <c r="B86" s="24"/>
      <c r="C86" s="11" t="s">
        <v>166</v>
      </c>
      <c r="D86" s="12" t="s">
        <v>1050</v>
      </c>
      <c r="E86" s="11">
        <v>141151</v>
      </c>
      <c r="F86" s="12" t="s">
        <v>1354</v>
      </c>
      <c r="G86" s="13" t="s">
        <v>390</v>
      </c>
      <c r="H86" s="20">
        <v>2</v>
      </c>
      <c r="I86" s="18">
        <v>0</v>
      </c>
      <c r="J86" s="34"/>
    </row>
    <row r="87" spans="2:10" ht="39.75" customHeight="1" x14ac:dyDescent="0.2">
      <c r="B87" s="24"/>
      <c r="C87" s="11" t="s">
        <v>164</v>
      </c>
      <c r="D87" s="12" t="s">
        <v>1050</v>
      </c>
      <c r="E87" s="11">
        <v>141151</v>
      </c>
      <c r="F87" s="12" t="s">
        <v>1182</v>
      </c>
      <c r="G87" s="13" t="s">
        <v>390</v>
      </c>
      <c r="H87" s="20">
        <v>2</v>
      </c>
      <c r="I87" s="18">
        <v>0</v>
      </c>
      <c r="J87" s="34"/>
    </row>
    <row r="88" spans="2:10" ht="39.75" customHeight="1" x14ac:dyDescent="0.2">
      <c r="B88" s="24"/>
      <c r="C88" s="11" t="s">
        <v>283</v>
      </c>
      <c r="D88" s="12" t="s">
        <v>1050</v>
      </c>
      <c r="E88" s="11">
        <v>141160</v>
      </c>
      <c r="F88" s="12" t="s">
        <v>1611</v>
      </c>
      <c r="G88" s="13" t="s">
        <v>390</v>
      </c>
      <c r="H88" s="20">
        <v>1</v>
      </c>
      <c r="I88" s="18">
        <v>0</v>
      </c>
      <c r="J88" s="34"/>
    </row>
    <row r="89" spans="2:10" ht="39.75" customHeight="1" x14ac:dyDescent="0.2">
      <c r="B89" s="24"/>
      <c r="C89" s="11" t="s">
        <v>92</v>
      </c>
      <c r="D89" s="12" t="s">
        <v>1050</v>
      </c>
      <c r="E89" s="11">
        <v>141160</v>
      </c>
      <c r="F89" s="12" t="s">
        <v>1838</v>
      </c>
      <c r="G89" s="13" t="s">
        <v>390</v>
      </c>
      <c r="H89" s="20">
        <v>9</v>
      </c>
      <c r="I89" s="18">
        <v>0</v>
      </c>
      <c r="J89" s="34"/>
    </row>
    <row r="90" spans="2:10" ht="39.75" customHeight="1" x14ac:dyDescent="0.2">
      <c r="B90" s="24"/>
      <c r="C90" s="11" t="s">
        <v>168</v>
      </c>
      <c r="D90" s="12" t="s">
        <v>1050</v>
      </c>
      <c r="E90" s="11">
        <v>141160</v>
      </c>
      <c r="F90" s="12" t="s">
        <v>1524</v>
      </c>
      <c r="G90" s="13" t="s">
        <v>390</v>
      </c>
      <c r="H90" s="20">
        <v>1</v>
      </c>
      <c r="I90" s="18">
        <v>0</v>
      </c>
      <c r="J90" s="34"/>
    </row>
    <row r="91" spans="2:10" ht="39.75" customHeight="1" x14ac:dyDescent="0.2">
      <c r="B91" s="24"/>
      <c r="C91" s="11" t="s">
        <v>249</v>
      </c>
      <c r="D91" s="12" t="s">
        <v>1050</v>
      </c>
      <c r="E91" s="11">
        <v>141160</v>
      </c>
      <c r="F91" s="12" t="s">
        <v>1442</v>
      </c>
      <c r="G91" s="13" t="s">
        <v>390</v>
      </c>
      <c r="H91" s="20">
        <v>2</v>
      </c>
      <c r="I91" s="18">
        <v>0</v>
      </c>
      <c r="J91" s="34"/>
    </row>
    <row r="92" spans="2:10" ht="39.75" customHeight="1" x14ac:dyDescent="0.2">
      <c r="B92" s="24"/>
      <c r="C92" s="11" t="s">
        <v>167</v>
      </c>
      <c r="D92" s="12" t="s">
        <v>1050</v>
      </c>
      <c r="E92" s="11">
        <v>141160</v>
      </c>
      <c r="F92" s="12" t="s">
        <v>1525</v>
      </c>
      <c r="G92" s="13" t="s">
        <v>390</v>
      </c>
      <c r="H92" s="20">
        <v>1</v>
      </c>
      <c r="I92" s="18">
        <v>0</v>
      </c>
      <c r="J92" s="34"/>
    </row>
    <row r="93" spans="2:10" ht="39.75" customHeight="1" x14ac:dyDescent="0.2">
      <c r="B93" s="24"/>
      <c r="C93" s="11" t="s">
        <v>279</v>
      </c>
      <c r="D93" s="12" t="s">
        <v>1050</v>
      </c>
      <c r="E93" s="11">
        <v>141178</v>
      </c>
      <c r="F93" s="12" t="s">
        <v>1732</v>
      </c>
      <c r="G93" s="13" t="s">
        <v>390</v>
      </c>
      <c r="H93" s="20">
        <v>1</v>
      </c>
      <c r="I93" s="18">
        <v>1</v>
      </c>
      <c r="J93" s="34"/>
    </row>
    <row r="94" spans="2:10" ht="39.75" customHeight="1" x14ac:dyDescent="0.2">
      <c r="B94" s="24"/>
      <c r="C94" s="11" t="s">
        <v>158</v>
      </c>
      <c r="D94" s="12" t="s">
        <v>1050</v>
      </c>
      <c r="E94" s="11">
        <v>141178</v>
      </c>
      <c r="F94" s="12" t="s">
        <v>1733</v>
      </c>
      <c r="G94" s="13" t="s">
        <v>390</v>
      </c>
      <c r="H94" s="20">
        <v>2</v>
      </c>
      <c r="I94" s="18">
        <v>0</v>
      </c>
      <c r="J94" s="34"/>
    </row>
    <row r="95" spans="2:10" ht="39.75" customHeight="1" x14ac:dyDescent="0.2">
      <c r="B95" s="24"/>
      <c r="C95" s="11" t="s">
        <v>159</v>
      </c>
      <c r="D95" s="12" t="s">
        <v>1050</v>
      </c>
      <c r="E95" s="11">
        <v>141178</v>
      </c>
      <c r="F95" s="12" t="s">
        <v>1443</v>
      </c>
      <c r="G95" s="13" t="s">
        <v>390</v>
      </c>
      <c r="H95" s="20">
        <v>1</v>
      </c>
      <c r="I95" s="18">
        <v>0</v>
      </c>
      <c r="J95" s="34"/>
    </row>
    <row r="96" spans="2:10" ht="39.75" customHeight="1" x14ac:dyDescent="0.2">
      <c r="B96" s="24"/>
      <c r="C96" s="11" t="s">
        <v>157</v>
      </c>
      <c r="D96" s="12" t="s">
        <v>1050</v>
      </c>
      <c r="E96" s="11">
        <v>141178</v>
      </c>
      <c r="F96" s="12" t="s">
        <v>1612</v>
      </c>
      <c r="G96" s="13" t="s">
        <v>390</v>
      </c>
      <c r="H96" s="20">
        <v>2</v>
      </c>
      <c r="I96" s="18">
        <v>0</v>
      </c>
      <c r="J96" s="34"/>
    </row>
    <row r="97" spans="2:10" ht="39.75" customHeight="1" x14ac:dyDescent="0.2">
      <c r="B97" s="24"/>
      <c r="C97" s="11" t="s">
        <v>7</v>
      </c>
      <c r="D97" s="12" t="s">
        <v>1050</v>
      </c>
      <c r="E97" s="11">
        <v>141178</v>
      </c>
      <c r="F97" s="12" t="s">
        <v>1526</v>
      </c>
      <c r="G97" s="13" t="s">
        <v>390</v>
      </c>
      <c r="H97" s="20">
        <v>2</v>
      </c>
      <c r="I97" s="18">
        <v>0</v>
      </c>
      <c r="J97" s="34"/>
    </row>
    <row r="98" spans="2:10" ht="39.75" customHeight="1" x14ac:dyDescent="0.2">
      <c r="B98" s="24"/>
      <c r="C98" s="11" t="s">
        <v>254</v>
      </c>
      <c r="D98" s="12" t="s">
        <v>1050</v>
      </c>
      <c r="E98" s="11">
        <v>141178</v>
      </c>
      <c r="F98" s="12" t="s">
        <v>1734</v>
      </c>
      <c r="G98" s="13" t="s">
        <v>390</v>
      </c>
      <c r="H98" s="20">
        <v>1</v>
      </c>
      <c r="I98" s="18">
        <v>0</v>
      </c>
      <c r="J98" s="33" t="s">
        <v>2080</v>
      </c>
    </row>
    <row r="99" spans="2:10" ht="39.75" customHeight="1" x14ac:dyDescent="0.2">
      <c r="B99" s="24"/>
      <c r="C99" s="11" t="s">
        <v>280</v>
      </c>
      <c r="D99" s="12" t="s">
        <v>1050</v>
      </c>
      <c r="E99" s="11">
        <v>141186</v>
      </c>
      <c r="F99" s="12" t="s">
        <v>1293</v>
      </c>
      <c r="G99" s="13" t="s">
        <v>390</v>
      </c>
      <c r="H99" s="20">
        <v>1</v>
      </c>
      <c r="I99" s="18">
        <v>0</v>
      </c>
      <c r="J99" s="34"/>
    </row>
    <row r="100" spans="2:10" ht="39.75" customHeight="1" x14ac:dyDescent="0.2">
      <c r="B100" s="24"/>
      <c r="C100" s="11" t="s">
        <v>161</v>
      </c>
      <c r="D100" s="12" t="s">
        <v>1050</v>
      </c>
      <c r="E100" s="11">
        <v>141186</v>
      </c>
      <c r="F100" s="12" t="s">
        <v>1183</v>
      </c>
      <c r="G100" s="13" t="s">
        <v>390</v>
      </c>
      <c r="H100" s="20">
        <v>1</v>
      </c>
      <c r="I100" s="18">
        <v>0</v>
      </c>
      <c r="J100" s="34"/>
    </row>
    <row r="101" spans="2:10" ht="39.75" customHeight="1" x14ac:dyDescent="0.2">
      <c r="B101" s="24"/>
      <c r="C101" s="11" t="s">
        <v>160</v>
      </c>
      <c r="D101" s="12" t="s">
        <v>1050</v>
      </c>
      <c r="E101" s="11">
        <v>141186</v>
      </c>
      <c r="F101" s="12" t="s">
        <v>1444</v>
      </c>
      <c r="G101" s="13" t="s">
        <v>390</v>
      </c>
      <c r="H101" s="20">
        <v>2</v>
      </c>
      <c r="I101" s="18">
        <v>0</v>
      </c>
      <c r="J101" s="34"/>
    </row>
    <row r="102" spans="2:10" ht="39.75" customHeight="1" x14ac:dyDescent="0.2">
      <c r="B102" s="24"/>
      <c r="C102" s="11" t="s">
        <v>71</v>
      </c>
      <c r="D102" s="12" t="s">
        <v>1050</v>
      </c>
      <c r="E102" s="11">
        <v>141186</v>
      </c>
      <c r="F102" s="12" t="s">
        <v>1355</v>
      </c>
      <c r="G102" s="13" t="s">
        <v>390</v>
      </c>
      <c r="H102" s="20">
        <v>1</v>
      </c>
      <c r="I102" s="18">
        <v>1</v>
      </c>
      <c r="J102" s="34"/>
    </row>
    <row r="103" spans="2:10" ht="39.75" customHeight="1" x14ac:dyDescent="0.2">
      <c r="B103" s="24"/>
      <c r="C103" s="11" t="s">
        <v>285</v>
      </c>
      <c r="D103" s="12" t="s">
        <v>1051</v>
      </c>
      <c r="E103" s="11">
        <v>141313</v>
      </c>
      <c r="F103" s="12" t="s">
        <v>1527</v>
      </c>
      <c r="G103" s="13" t="s">
        <v>390</v>
      </c>
      <c r="H103" s="30">
        <v>1</v>
      </c>
      <c r="I103" s="18">
        <v>1</v>
      </c>
      <c r="J103" s="34"/>
    </row>
    <row r="104" spans="2:10" ht="39.75" customHeight="1" x14ac:dyDescent="0.2">
      <c r="B104" s="41"/>
      <c r="C104" s="61" t="s">
        <v>1841</v>
      </c>
      <c r="D104" s="19" t="s">
        <v>1842</v>
      </c>
      <c r="E104" s="47">
        <v>141313</v>
      </c>
      <c r="F104" s="19" t="s">
        <v>1843</v>
      </c>
      <c r="G104" s="48" t="s">
        <v>1842</v>
      </c>
      <c r="H104" s="49">
        <v>6</v>
      </c>
      <c r="I104" s="50">
        <v>1</v>
      </c>
      <c r="J104" s="51" t="s">
        <v>1844</v>
      </c>
    </row>
    <row r="105" spans="2:10" ht="39.75" customHeight="1" x14ac:dyDescent="0.2">
      <c r="B105" s="24"/>
      <c r="C105" s="11" t="s">
        <v>284</v>
      </c>
      <c r="D105" s="12" t="s">
        <v>1051</v>
      </c>
      <c r="E105" s="11">
        <v>141313</v>
      </c>
      <c r="F105" s="12" t="s">
        <v>1356</v>
      </c>
      <c r="G105" s="13" t="s">
        <v>390</v>
      </c>
      <c r="H105" s="20">
        <v>0</v>
      </c>
      <c r="I105" s="18">
        <v>1</v>
      </c>
      <c r="J105" s="34"/>
    </row>
    <row r="106" spans="2:10" ht="39.75" customHeight="1" x14ac:dyDescent="0.2">
      <c r="B106" s="41"/>
      <c r="C106" s="61" t="s">
        <v>1845</v>
      </c>
      <c r="D106" s="19" t="s">
        <v>1842</v>
      </c>
      <c r="E106" s="65">
        <v>141313</v>
      </c>
      <c r="F106" s="19" t="s">
        <v>1846</v>
      </c>
      <c r="G106" s="48" t="s">
        <v>1842</v>
      </c>
      <c r="H106" s="49">
        <v>4</v>
      </c>
      <c r="I106" s="50">
        <v>2</v>
      </c>
      <c r="J106" s="51"/>
    </row>
    <row r="107" spans="2:10" ht="39.75" customHeight="1" x14ac:dyDescent="0.2">
      <c r="B107" s="41"/>
      <c r="C107" s="61" t="s">
        <v>1847</v>
      </c>
      <c r="D107" s="19" t="s">
        <v>1842</v>
      </c>
      <c r="E107" s="47">
        <v>141313</v>
      </c>
      <c r="F107" s="19" t="s">
        <v>1848</v>
      </c>
      <c r="G107" s="48" t="s">
        <v>1842</v>
      </c>
      <c r="H107" s="49">
        <v>4</v>
      </c>
      <c r="I107" s="50">
        <v>1</v>
      </c>
      <c r="J107" s="51"/>
    </row>
    <row r="108" spans="2:10" ht="39.75" customHeight="1" x14ac:dyDescent="0.2">
      <c r="B108" s="41"/>
      <c r="C108" s="61" t="s">
        <v>1849</v>
      </c>
      <c r="D108" s="19" t="s">
        <v>1842</v>
      </c>
      <c r="E108" s="47">
        <v>141313</v>
      </c>
      <c r="F108" s="19" t="s">
        <v>1850</v>
      </c>
      <c r="G108" s="48" t="s">
        <v>1842</v>
      </c>
      <c r="H108" s="49">
        <v>4</v>
      </c>
      <c r="I108" s="50">
        <v>2</v>
      </c>
      <c r="J108" s="51"/>
    </row>
    <row r="109" spans="2:10" ht="39.75" customHeight="1" x14ac:dyDescent="0.2">
      <c r="B109" s="41"/>
      <c r="C109" s="61" t="s">
        <v>1851</v>
      </c>
      <c r="D109" s="19" t="s">
        <v>1842</v>
      </c>
      <c r="E109" s="47">
        <v>141313</v>
      </c>
      <c r="F109" s="19" t="s">
        <v>1852</v>
      </c>
      <c r="G109" s="48" t="s">
        <v>1842</v>
      </c>
      <c r="H109" s="49">
        <v>1</v>
      </c>
      <c r="I109" s="50">
        <v>0</v>
      </c>
      <c r="J109" s="51"/>
    </row>
    <row r="110" spans="2:10" ht="39.75" customHeight="1" x14ac:dyDescent="0.2">
      <c r="B110" s="41"/>
      <c r="C110" s="61" t="s">
        <v>1853</v>
      </c>
      <c r="D110" s="19" t="s">
        <v>1842</v>
      </c>
      <c r="E110" s="47">
        <v>141313</v>
      </c>
      <c r="F110" s="19" t="s">
        <v>1854</v>
      </c>
      <c r="G110" s="48" t="s">
        <v>1842</v>
      </c>
      <c r="H110" s="49">
        <v>2</v>
      </c>
      <c r="I110" s="50">
        <v>0</v>
      </c>
      <c r="J110" s="51"/>
    </row>
    <row r="111" spans="2:10" ht="39.75" customHeight="1" x14ac:dyDescent="0.2">
      <c r="B111" s="41"/>
      <c r="C111" s="61" t="s">
        <v>1855</v>
      </c>
      <c r="D111" s="19" t="s">
        <v>1842</v>
      </c>
      <c r="E111" s="47">
        <v>141313</v>
      </c>
      <c r="F111" s="19" t="s">
        <v>1856</v>
      </c>
      <c r="G111" s="48" t="s">
        <v>1842</v>
      </c>
      <c r="H111" s="49">
        <v>1</v>
      </c>
      <c r="I111" s="50">
        <v>1</v>
      </c>
      <c r="J111" s="51"/>
    </row>
    <row r="112" spans="2:10" ht="39.75" customHeight="1" x14ac:dyDescent="0.2">
      <c r="B112" s="24"/>
      <c r="C112" s="11" t="s">
        <v>170</v>
      </c>
      <c r="D112" s="12" t="s">
        <v>1051</v>
      </c>
      <c r="E112" s="11">
        <v>141313</v>
      </c>
      <c r="F112" s="12" t="s">
        <v>1357</v>
      </c>
      <c r="G112" s="13" t="s">
        <v>390</v>
      </c>
      <c r="H112" s="20">
        <v>4</v>
      </c>
      <c r="I112" s="18">
        <v>0</v>
      </c>
      <c r="J112" s="34"/>
    </row>
    <row r="113" spans="2:10" ht="39.75" customHeight="1" x14ac:dyDescent="0.2">
      <c r="B113" s="41"/>
      <c r="C113" s="61" t="s">
        <v>1857</v>
      </c>
      <c r="D113" s="19" t="s">
        <v>1842</v>
      </c>
      <c r="E113" s="47">
        <v>141313</v>
      </c>
      <c r="F113" s="19" t="s">
        <v>1858</v>
      </c>
      <c r="G113" s="48" t="s">
        <v>1842</v>
      </c>
      <c r="H113" s="49">
        <v>1</v>
      </c>
      <c r="I113" s="50">
        <v>1</v>
      </c>
      <c r="J113" s="51"/>
    </row>
    <row r="114" spans="2:10" ht="39.75" customHeight="1" x14ac:dyDescent="0.2">
      <c r="B114" s="24"/>
      <c r="C114" s="11" t="s">
        <v>169</v>
      </c>
      <c r="D114" s="12" t="s">
        <v>1051</v>
      </c>
      <c r="E114" s="11">
        <v>141313</v>
      </c>
      <c r="F114" s="12" t="s">
        <v>1445</v>
      </c>
      <c r="G114" s="13" t="s">
        <v>390</v>
      </c>
      <c r="H114" s="20">
        <v>2</v>
      </c>
      <c r="I114" s="18">
        <v>0</v>
      </c>
      <c r="J114" s="34"/>
    </row>
    <row r="115" spans="2:10" ht="39.75" customHeight="1" x14ac:dyDescent="0.2">
      <c r="B115" s="41"/>
      <c r="C115" s="61" t="s">
        <v>1859</v>
      </c>
      <c r="D115" s="19" t="s">
        <v>1842</v>
      </c>
      <c r="E115" s="47">
        <v>141313</v>
      </c>
      <c r="F115" s="19" t="s">
        <v>1860</v>
      </c>
      <c r="G115" s="48" t="s">
        <v>1842</v>
      </c>
      <c r="H115" s="49">
        <v>4</v>
      </c>
      <c r="I115" s="50">
        <v>2</v>
      </c>
      <c r="J115" s="51"/>
    </row>
    <row r="116" spans="2:10" ht="39.75" customHeight="1" x14ac:dyDescent="0.2">
      <c r="B116" s="41"/>
      <c r="C116" s="61" t="s">
        <v>1861</v>
      </c>
      <c r="D116" s="19" t="s">
        <v>1842</v>
      </c>
      <c r="E116" s="47">
        <v>141313</v>
      </c>
      <c r="F116" s="19" t="s">
        <v>1862</v>
      </c>
      <c r="G116" s="48" t="s">
        <v>1842</v>
      </c>
      <c r="H116" s="49">
        <v>7</v>
      </c>
      <c r="I116" s="50">
        <v>2</v>
      </c>
      <c r="J116" s="51"/>
    </row>
    <row r="117" spans="2:10" ht="39.75" customHeight="1" x14ac:dyDescent="0.2">
      <c r="B117" s="41"/>
      <c r="C117" s="61" t="s">
        <v>1863</v>
      </c>
      <c r="D117" s="19" t="s">
        <v>1842</v>
      </c>
      <c r="E117" s="47">
        <v>141313</v>
      </c>
      <c r="F117" s="19" t="s">
        <v>1864</v>
      </c>
      <c r="G117" s="48" t="s">
        <v>1842</v>
      </c>
      <c r="H117" s="49">
        <v>1</v>
      </c>
      <c r="I117" s="50">
        <v>1</v>
      </c>
      <c r="J117" s="51"/>
    </row>
    <row r="118" spans="2:10" ht="39.75" customHeight="1" x14ac:dyDescent="0.2">
      <c r="B118" s="41"/>
      <c r="C118" s="61" t="s">
        <v>1865</v>
      </c>
      <c r="D118" s="19" t="s">
        <v>1842</v>
      </c>
      <c r="E118" s="47">
        <v>141321</v>
      </c>
      <c r="F118" s="19" t="s">
        <v>1866</v>
      </c>
      <c r="G118" s="48" t="s">
        <v>1842</v>
      </c>
      <c r="H118" s="49">
        <v>2</v>
      </c>
      <c r="I118" s="50">
        <v>1</v>
      </c>
      <c r="J118" s="51"/>
    </row>
    <row r="119" spans="2:10" ht="39.75" customHeight="1" x14ac:dyDescent="0.2">
      <c r="B119" s="41"/>
      <c r="C119" s="61" t="s">
        <v>1867</v>
      </c>
      <c r="D119" s="19" t="s">
        <v>1842</v>
      </c>
      <c r="E119" s="47">
        <v>141321</v>
      </c>
      <c r="F119" s="19" t="s">
        <v>1868</v>
      </c>
      <c r="G119" s="48" t="s">
        <v>1842</v>
      </c>
      <c r="H119" s="49">
        <v>2</v>
      </c>
      <c r="I119" s="50">
        <v>1</v>
      </c>
      <c r="J119" s="51" t="s">
        <v>1869</v>
      </c>
    </row>
    <row r="120" spans="2:10" ht="39.75" customHeight="1" x14ac:dyDescent="0.2">
      <c r="B120" s="41"/>
      <c r="C120" s="61" t="s">
        <v>1870</v>
      </c>
      <c r="D120" s="19" t="s">
        <v>1842</v>
      </c>
      <c r="E120" s="47">
        <v>141321</v>
      </c>
      <c r="F120" s="19" t="s">
        <v>1871</v>
      </c>
      <c r="G120" s="48" t="s">
        <v>1842</v>
      </c>
      <c r="H120" s="49">
        <v>1</v>
      </c>
      <c r="I120" s="50">
        <v>1</v>
      </c>
      <c r="J120" s="51"/>
    </row>
    <row r="121" spans="2:10" ht="39.75" customHeight="1" x14ac:dyDescent="0.2">
      <c r="B121" s="24"/>
      <c r="C121" s="11" t="s">
        <v>286</v>
      </c>
      <c r="D121" s="12" t="s">
        <v>1051</v>
      </c>
      <c r="E121" s="13">
        <v>141321</v>
      </c>
      <c r="F121" s="12" t="s">
        <v>1358</v>
      </c>
      <c r="G121" s="13" t="s">
        <v>390</v>
      </c>
      <c r="H121" s="20">
        <v>1</v>
      </c>
      <c r="I121" s="18">
        <v>1</v>
      </c>
      <c r="J121" s="34"/>
    </row>
    <row r="122" spans="2:10" ht="39.75" customHeight="1" x14ac:dyDescent="0.2">
      <c r="B122" s="41"/>
      <c r="C122" s="61" t="s">
        <v>1872</v>
      </c>
      <c r="D122" s="19" t="s">
        <v>1842</v>
      </c>
      <c r="E122" s="47">
        <v>141321</v>
      </c>
      <c r="F122" s="19" t="s">
        <v>1873</v>
      </c>
      <c r="G122" s="48" t="s">
        <v>1842</v>
      </c>
      <c r="H122" s="49">
        <v>4</v>
      </c>
      <c r="I122" s="50">
        <v>2</v>
      </c>
      <c r="J122" s="51"/>
    </row>
    <row r="123" spans="2:10" ht="39.75" customHeight="1" x14ac:dyDescent="0.2">
      <c r="B123" s="41"/>
      <c r="C123" s="61" t="s">
        <v>1874</v>
      </c>
      <c r="D123" s="19" t="s">
        <v>1842</v>
      </c>
      <c r="E123" s="47">
        <v>141330</v>
      </c>
      <c r="F123" s="19" t="s">
        <v>1875</v>
      </c>
      <c r="G123" s="48" t="s">
        <v>1842</v>
      </c>
      <c r="H123" s="49">
        <v>6</v>
      </c>
      <c r="I123" s="50">
        <v>2</v>
      </c>
      <c r="J123" s="51"/>
    </row>
    <row r="124" spans="2:10" ht="39.75" customHeight="1" x14ac:dyDescent="0.2">
      <c r="B124" s="41"/>
      <c r="C124" s="61" t="s">
        <v>1876</v>
      </c>
      <c r="D124" s="19" t="s">
        <v>1842</v>
      </c>
      <c r="E124" s="47">
        <v>141330</v>
      </c>
      <c r="F124" s="19" t="s">
        <v>1877</v>
      </c>
      <c r="G124" s="48" t="s">
        <v>1842</v>
      </c>
      <c r="H124" s="49">
        <v>5</v>
      </c>
      <c r="I124" s="50">
        <v>2</v>
      </c>
      <c r="J124" s="51"/>
    </row>
    <row r="125" spans="2:10" ht="39.75" customHeight="1" x14ac:dyDescent="0.2">
      <c r="B125" s="41"/>
      <c r="C125" s="61" t="s">
        <v>1878</v>
      </c>
      <c r="D125" s="19" t="s">
        <v>1842</v>
      </c>
      <c r="E125" s="47">
        <v>141330</v>
      </c>
      <c r="F125" s="19" t="s">
        <v>1879</v>
      </c>
      <c r="G125" s="48" t="s">
        <v>1842</v>
      </c>
      <c r="H125" s="49">
        <v>2</v>
      </c>
      <c r="I125" s="50">
        <v>1</v>
      </c>
      <c r="J125" s="51"/>
    </row>
    <row r="126" spans="2:10" ht="39.75" customHeight="1" x14ac:dyDescent="0.2">
      <c r="B126" s="24"/>
      <c r="C126" s="11" t="s">
        <v>287</v>
      </c>
      <c r="D126" s="12" t="s">
        <v>1051</v>
      </c>
      <c r="E126" s="11">
        <v>141330</v>
      </c>
      <c r="F126" s="12" t="s">
        <v>1822</v>
      </c>
      <c r="G126" s="13" t="s">
        <v>390</v>
      </c>
      <c r="H126" s="20">
        <v>1</v>
      </c>
      <c r="I126" s="18">
        <v>0</v>
      </c>
      <c r="J126" s="34"/>
    </row>
    <row r="127" spans="2:10" ht="39.75" customHeight="1" x14ac:dyDescent="0.2">
      <c r="B127" s="41"/>
      <c r="C127" s="61" t="s">
        <v>1880</v>
      </c>
      <c r="D127" s="19" t="s">
        <v>1842</v>
      </c>
      <c r="E127" s="47">
        <v>141330</v>
      </c>
      <c r="F127" s="19" t="s">
        <v>1881</v>
      </c>
      <c r="G127" s="48" t="s">
        <v>1842</v>
      </c>
      <c r="H127" s="49">
        <v>2</v>
      </c>
      <c r="I127" s="50">
        <v>1</v>
      </c>
      <c r="J127" s="51"/>
    </row>
    <row r="128" spans="2:10" ht="39.75" customHeight="1" x14ac:dyDescent="0.2">
      <c r="B128" s="24"/>
      <c r="C128" s="11" t="s">
        <v>359</v>
      </c>
      <c r="D128" s="12" t="s">
        <v>1051</v>
      </c>
      <c r="E128" s="11">
        <v>141330</v>
      </c>
      <c r="F128" s="12" t="s">
        <v>1243</v>
      </c>
      <c r="G128" s="13" t="s">
        <v>390</v>
      </c>
      <c r="H128" s="20">
        <v>12</v>
      </c>
      <c r="I128" s="18">
        <v>0</v>
      </c>
      <c r="J128" s="33" t="s">
        <v>2080</v>
      </c>
    </row>
    <row r="129" spans="2:10" ht="39.75" customHeight="1" x14ac:dyDescent="0.2">
      <c r="B129" s="24"/>
      <c r="C129" s="11" t="s">
        <v>172</v>
      </c>
      <c r="D129" s="12" t="s">
        <v>1051</v>
      </c>
      <c r="E129" s="11">
        <v>141330</v>
      </c>
      <c r="F129" s="12" t="s">
        <v>1294</v>
      </c>
      <c r="G129" s="13" t="s">
        <v>390</v>
      </c>
      <c r="H129" s="20">
        <v>1</v>
      </c>
      <c r="I129" s="18">
        <v>1</v>
      </c>
      <c r="J129" s="34"/>
    </row>
    <row r="130" spans="2:10" ht="39.75" customHeight="1" x14ac:dyDescent="0.2">
      <c r="B130" s="24"/>
      <c r="C130" s="11" t="s">
        <v>171</v>
      </c>
      <c r="D130" s="12" t="s">
        <v>1051</v>
      </c>
      <c r="E130" s="11">
        <v>141330</v>
      </c>
      <c r="F130" s="12" t="s">
        <v>1528</v>
      </c>
      <c r="G130" s="13" t="s">
        <v>390</v>
      </c>
      <c r="H130" s="20">
        <v>2</v>
      </c>
      <c r="I130" s="18">
        <v>0</v>
      </c>
      <c r="J130" s="34"/>
    </row>
    <row r="131" spans="2:10" ht="39.75" customHeight="1" x14ac:dyDescent="0.2">
      <c r="B131" s="24"/>
      <c r="C131" s="11" t="s">
        <v>173</v>
      </c>
      <c r="D131" s="12" t="s">
        <v>1051</v>
      </c>
      <c r="E131" s="11">
        <v>141330</v>
      </c>
      <c r="F131" s="12" t="s">
        <v>1295</v>
      </c>
      <c r="G131" s="13" t="s">
        <v>390</v>
      </c>
      <c r="H131" s="20">
        <v>1</v>
      </c>
      <c r="I131" s="18">
        <v>0</v>
      </c>
      <c r="J131" s="34"/>
    </row>
    <row r="132" spans="2:10" ht="39.75" customHeight="1" x14ac:dyDescent="0.2">
      <c r="B132" s="41"/>
      <c r="C132" s="61" t="s">
        <v>1882</v>
      </c>
      <c r="D132" s="19" t="s">
        <v>1842</v>
      </c>
      <c r="E132" s="47">
        <v>141348</v>
      </c>
      <c r="F132" s="19" t="s">
        <v>1883</v>
      </c>
      <c r="G132" s="48" t="s">
        <v>1842</v>
      </c>
      <c r="H132" s="49">
        <v>2</v>
      </c>
      <c r="I132" s="50">
        <v>1</v>
      </c>
      <c r="J132" s="51"/>
    </row>
    <row r="133" spans="2:10" ht="39.75" customHeight="1" x14ac:dyDescent="0.2">
      <c r="B133" s="41"/>
      <c r="C133" s="61" t="s">
        <v>1884</v>
      </c>
      <c r="D133" s="19" t="s">
        <v>1842</v>
      </c>
      <c r="E133" s="47">
        <v>141348</v>
      </c>
      <c r="F133" s="19" t="s">
        <v>1885</v>
      </c>
      <c r="G133" s="48" t="s">
        <v>1842</v>
      </c>
      <c r="H133" s="49">
        <v>1</v>
      </c>
      <c r="I133" s="50">
        <v>1</v>
      </c>
      <c r="J133" s="51"/>
    </row>
    <row r="134" spans="2:10" ht="39.75" customHeight="1" x14ac:dyDescent="0.2">
      <c r="B134" s="41"/>
      <c r="C134" s="61" t="s">
        <v>1886</v>
      </c>
      <c r="D134" s="19" t="s">
        <v>1842</v>
      </c>
      <c r="E134" s="47">
        <v>141348</v>
      </c>
      <c r="F134" s="19" t="s">
        <v>1887</v>
      </c>
      <c r="G134" s="48" t="s">
        <v>1842</v>
      </c>
      <c r="H134" s="49">
        <v>1</v>
      </c>
      <c r="I134" s="50">
        <v>1</v>
      </c>
      <c r="J134" s="51"/>
    </row>
    <row r="135" spans="2:10" ht="39.75" customHeight="1" x14ac:dyDescent="0.2">
      <c r="B135" s="41"/>
      <c r="C135" s="61" t="s">
        <v>1888</v>
      </c>
      <c r="D135" s="19" t="s">
        <v>1842</v>
      </c>
      <c r="E135" s="47">
        <v>141348</v>
      </c>
      <c r="F135" s="19" t="s">
        <v>1889</v>
      </c>
      <c r="G135" s="48" t="s">
        <v>1842</v>
      </c>
      <c r="H135" s="49">
        <v>1</v>
      </c>
      <c r="I135" s="50">
        <v>1</v>
      </c>
      <c r="J135" s="51"/>
    </row>
    <row r="136" spans="2:10" ht="39.75" customHeight="1" x14ac:dyDescent="0.2">
      <c r="B136" s="24"/>
      <c r="C136" s="11" t="s">
        <v>360</v>
      </c>
      <c r="D136" s="12" t="s">
        <v>1051</v>
      </c>
      <c r="E136" s="11">
        <v>141348</v>
      </c>
      <c r="F136" s="12" t="s">
        <v>1446</v>
      </c>
      <c r="G136" s="13" t="s">
        <v>390</v>
      </c>
      <c r="H136" s="20">
        <v>1</v>
      </c>
      <c r="I136" s="18">
        <v>0</v>
      </c>
      <c r="J136" s="33" t="s">
        <v>2080</v>
      </c>
    </row>
    <row r="137" spans="2:10" ht="39.75" customHeight="1" x14ac:dyDescent="0.2">
      <c r="B137" s="24"/>
      <c r="C137" s="11" t="s">
        <v>12</v>
      </c>
      <c r="D137" s="12" t="s">
        <v>1051</v>
      </c>
      <c r="E137" s="11">
        <v>141348</v>
      </c>
      <c r="F137" s="12" t="s">
        <v>1823</v>
      </c>
      <c r="G137" s="13" t="s">
        <v>390</v>
      </c>
      <c r="H137" s="20">
        <v>1</v>
      </c>
      <c r="I137" s="18">
        <v>0</v>
      </c>
      <c r="J137" s="34"/>
    </row>
    <row r="138" spans="2:10" ht="39.75" customHeight="1" x14ac:dyDescent="0.2">
      <c r="B138" s="24"/>
      <c r="C138" s="11" t="s">
        <v>288</v>
      </c>
      <c r="D138" s="12" t="s">
        <v>1051</v>
      </c>
      <c r="E138" s="11">
        <v>141348</v>
      </c>
      <c r="F138" s="12" t="s">
        <v>1359</v>
      </c>
      <c r="G138" s="13" t="s">
        <v>390</v>
      </c>
      <c r="H138" s="20">
        <v>0</v>
      </c>
      <c r="I138" s="18">
        <v>1</v>
      </c>
      <c r="J138" s="34"/>
    </row>
    <row r="139" spans="2:10" ht="39.75" customHeight="1" x14ac:dyDescent="0.2">
      <c r="B139" s="41"/>
      <c r="C139" s="61" t="s">
        <v>1890</v>
      </c>
      <c r="D139" s="19" t="s">
        <v>1842</v>
      </c>
      <c r="E139" s="47">
        <v>141348</v>
      </c>
      <c r="F139" s="19" t="s">
        <v>1891</v>
      </c>
      <c r="G139" s="48" t="s">
        <v>1842</v>
      </c>
      <c r="H139" s="49">
        <v>4</v>
      </c>
      <c r="I139" s="50">
        <v>0</v>
      </c>
      <c r="J139" s="51"/>
    </row>
    <row r="140" spans="2:10" ht="39.75" customHeight="1" x14ac:dyDescent="0.2">
      <c r="B140" s="42"/>
      <c r="C140" s="61" t="s">
        <v>2064</v>
      </c>
      <c r="D140" s="19" t="s">
        <v>1842</v>
      </c>
      <c r="E140" s="60">
        <v>141348</v>
      </c>
      <c r="F140" s="19" t="s">
        <v>2065</v>
      </c>
      <c r="G140" s="61" t="s">
        <v>2066</v>
      </c>
      <c r="H140" s="49">
        <v>3</v>
      </c>
      <c r="I140" s="50">
        <v>0</v>
      </c>
      <c r="J140" s="51"/>
    </row>
    <row r="141" spans="2:10" ht="39.75" customHeight="1" x14ac:dyDescent="0.2">
      <c r="B141" s="24"/>
      <c r="C141" s="11" t="s">
        <v>66</v>
      </c>
      <c r="D141" s="12" t="s">
        <v>1051</v>
      </c>
      <c r="E141" s="11">
        <v>141356</v>
      </c>
      <c r="F141" s="12" t="s">
        <v>327</v>
      </c>
      <c r="G141" s="13" t="s">
        <v>390</v>
      </c>
      <c r="H141" s="20">
        <v>1</v>
      </c>
      <c r="I141" s="18">
        <v>0</v>
      </c>
      <c r="J141" s="34"/>
    </row>
    <row r="142" spans="2:10" ht="39.75" customHeight="1" x14ac:dyDescent="0.2">
      <c r="B142" s="41"/>
      <c r="C142" s="61" t="s">
        <v>1892</v>
      </c>
      <c r="D142" s="19" t="s">
        <v>1842</v>
      </c>
      <c r="E142" s="47">
        <v>141356</v>
      </c>
      <c r="F142" s="19" t="s">
        <v>1893</v>
      </c>
      <c r="G142" s="48" t="s">
        <v>1842</v>
      </c>
      <c r="H142" s="49">
        <v>1</v>
      </c>
      <c r="I142" s="50">
        <v>1</v>
      </c>
      <c r="J142" s="51"/>
    </row>
    <row r="143" spans="2:10" ht="39.75" customHeight="1" x14ac:dyDescent="0.2">
      <c r="B143" s="41"/>
      <c r="C143" s="61" t="s">
        <v>1894</v>
      </c>
      <c r="D143" s="19" t="s">
        <v>1842</v>
      </c>
      <c r="E143" s="47">
        <v>141356</v>
      </c>
      <c r="F143" s="19" t="s">
        <v>1895</v>
      </c>
      <c r="G143" s="48" t="s">
        <v>1842</v>
      </c>
      <c r="H143" s="49">
        <v>1</v>
      </c>
      <c r="I143" s="50">
        <v>1</v>
      </c>
      <c r="J143" s="51"/>
    </row>
    <row r="144" spans="2:10" ht="39.75" customHeight="1" x14ac:dyDescent="0.2">
      <c r="B144" s="41"/>
      <c r="C144" s="61" t="s">
        <v>1896</v>
      </c>
      <c r="D144" s="19" t="s">
        <v>1842</v>
      </c>
      <c r="E144" s="47">
        <v>141356</v>
      </c>
      <c r="F144" s="19" t="s">
        <v>1897</v>
      </c>
      <c r="G144" s="48" t="s">
        <v>1842</v>
      </c>
      <c r="H144" s="49">
        <v>3</v>
      </c>
      <c r="I144" s="50">
        <v>1</v>
      </c>
      <c r="J144" s="51"/>
    </row>
    <row r="145" spans="2:10" ht="39.75" customHeight="1" x14ac:dyDescent="0.2">
      <c r="B145" s="41"/>
      <c r="C145" s="61" t="s">
        <v>1898</v>
      </c>
      <c r="D145" s="19" t="s">
        <v>1842</v>
      </c>
      <c r="E145" s="47">
        <v>141356</v>
      </c>
      <c r="F145" s="19" t="s">
        <v>1899</v>
      </c>
      <c r="G145" s="48" t="s">
        <v>1842</v>
      </c>
      <c r="H145" s="49">
        <v>3</v>
      </c>
      <c r="I145" s="50">
        <v>1</v>
      </c>
      <c r="J145" s="51"/>
    </row>
    <row r="146" spans="2:10" ht="39.75" customHeight="1" x14ac:dyDescent="0.2">
      <c r="B146" s="24"/>
      <c r="C146" s="11" t="s">
        <v>175</v>
      </c>
      <c r="D146" s="12" t="s">
        <v>1051</v>
      </c>
      <c r="E146" s="11">
        <v>141356</v>
      </c>
      <c r="F146" s="12" t="s">
        <v>1613</v>
      </c>
      <c r="G146" s="13" t="s">
        <v>390</v>
      </c>
      <c r="H146" s="20">
        <v>1</v>
      </c>
      <c r="I146" s="18">
        <v>0</v>
      </c>
      <c r="J146" s="34"/>
    </row>
    <row r="147" spans="2:10" ht="39.75" customHeight="1" x14ac:dyDescent="0.2">
      <c r="B147" s="41"/>
      <c r="C147" s="61" t="s">
        <v>1900</v>
      </c>
      <c r="D147" s="19" t="s">
        <v>1842</v>
      </c>
      <c r="E147" s="47">
        <v>141356</v>
      </c>
      <c r="F147" s="19" t="s">
        <v>1901</v>
      </c>
      <c r="G147" s="48" t="s">
        <v>1842</v>
      </c>
      <c r="H147" s="49">
        <v>6</v>
      </c>
      <c r="I147" s="50">
        <v>6</v>
      </c>
      <c r="J147" s="51"/>
    </row>
    <row r="148" spans="2:10" ht="39.75" customHeight="1" x14ac:dyDescent="0.2">
      <c r="B148" s="24"/>
      <c r="C148" s="11" t="s">
        <v>179</v>
      </c>
      <c r="D148" s="12" t="s">
        <v>1051</v>
      </c>
      <c r="E148" s="11">
        <v>141356</v>
      </c>
      <c r="F148" s="12" t="s">
        <v>1296</v>
      </c>
      <c r="G148" s="13" t="s">
        <v>390</v>
      </c>
      <c r="H148" s="20">
        <v>1</v>
      </c>
      <c r="I148" s="18">
        <v>0</v>
      </c>
      <c r="J148" s="34"/>
    </row>
    <row r="149" spans="2:10" ht="39.75" customHeight="1" x14ac:dyDescent="0.2">
      <c r="B149" s="24"/>
      <c r="C149" s="11" t="s">
        <v>178</v>
      </c>
      <c r="D149" s="12" t="s">
        <v>1051</v>
      </c>
      <c r="E149" s="11">
        <v>141356</v>
      </c>
      <c r="F149" s="12" t="s">
        <v>1297</v>
      </c>
      <c r="G149" s="13" t="s">
        <v>390</v>
      </c>
      <c r="H149" s="20">
        <v>1</v>
      </c>
      <c r="I149" s="18">
        <v>0</v>
      </c>
      <c r="J149" s="34"/>
    </row>
    <row r="150" spans="2:10" ht="39.75" customHeight="1" x14ac:dyDescent="0.2">
      <c r="B150" s="24"/>
      <c r="C150" s="11" t="s">
        <v>176</v>
      </c>
      <c r="D150" s="12" t="s">
        <v>1051</v>
      </c>
      <c r="E150" s="11">
        <v>141356</v>
      </c>
      <c r="F150" s="12" t="s">
        <v>1529</v>
      </c>
      <c r="G150" s="13" t="s">
        <v>390</v>
      </c>
      <c r="H150" s="20">
        <v>2</v>
      </c>
      <c r="I150" s="18">
        <v>0</v>
      </c>
      <c r="J150" s="34"/>
    </row>
    <row r="151" spans="2:10" ht="39.75" customHeight="1" x14ac:dyDescent="0.2">
      <c r="B151" s="24"/>
      <c r="C151" s="11" t="s">
        <v>177</v>
      </c>
      <c r="D151" s="12" t="s">
        <v>1051</v>
      </c>
      <c r="E151" s="11">
        <v>141356</v>
      </c>
      <c r="F151" s="12" t="s">
        <v>1119</v>
      </c>
      <c r="G151" s="13" t="s">
        <v>390</v>
      </c>
      <c r="H151" s="20">
        <v>2</v>
      </c>
      <c r="I151" s="18">
        <v>0</v>
      </c>
      <c r="J151" s="34"/>
    </row>
    <row r="152" spans="2:10" ht="39.75" customHeight="1" x14ac:dyDescent="0.2">
      <c r="B152" s="24"/>
      <c r="C152" s="11" t="s">
        <v>109</v>
      </c>
      <c r="D152" s="12" t="s">
        <v>1051</v>
      </c>
      <c r="E152" s="11">
        <v>141364</v>
      </c>
      <c r="F152" s="12" t="s">
        <v>1169</v>
      </c>
      <c r="G152" s="13" t="s">
        <v>390</v>
      </c>
      <c r="H152" s="20">
        <v>3</v>
      </c>
      <c r="I152" s="18">
        <v>1</v>
      </c>
      <c r="J152" s="34"/>
    </row>
    <row r="153" spans="2:10" ht="39.75" customHeight="1" x14ac:dyDescent="0.2">
      <c r="B153" s="41"/>
      <c r="C153" s="61" t="s">
        <v>1902</v>
      </c>
      <c r="D153" s="19" t="s">
        <v>1842</v>
      </c>
      <c r="E153" s="47">
        <v>141364</v>
      </c>
      <c r="F153" s="19" t="s">
        <v>1903</v>
      </c>
      <c r="G153" s="48" t="s">
        <v>1842</v>
      </c>
      <c r="H153" s="49">
        <v>8</v>
      </c>
      <c r="I153" s="50">
        <v>2</v>
      </c>
      <c r="J153" s="51"/>
    </row>
    <row r="154" spans="2:10" ht="39.75" customHeight="1" x14ac:dyDescent="0.2">
      <c r="B154" s="41"/>
      <c r="C154" s="61" t="s">
        <v>1904</v>
      </c>
      <c r="D154" s="19" t="s">
        <v>1842</v>
      </c>
      <c r="E154" s="47">
        <v>141364</v>
      </c>
      <c r="F154" s="19" t="s">
        <v>1905</v>
      </c>
      <c r="G154" s="48" t="s">
        <v>1842</v>
      </c>
      <c r="H154" s="49">
        <v>1</v>
      </c>
      <c r="I154" s="50">
        <v>0</v>
      </c>
      <c r="J154" s="51"/>
    </row>
    <row r="155" spans="2:10" ht="39.75" customHeight="1" x14ac:dyDescent="0.2">
      <c r="B155" s="24"/>
      <c r="C155" s="11" t="s">
        <v>289</v>
      </c>
      <c r="D155" s="12" t="s">
        <v>1051</v>
      </c>
      <c r="E155" s="11">
        <v>141364</v>
      </c>
      <c r="F155" s="12" t="s">
        <v>1735</v>
      </c>
      <c r="G155" s="13" t="s">
        <v>390</v>
      </c>
      <c r="H155" s="20">
        <v>0</v>
      </c>
      <c r="I155" s="18">
        <v>1</v>
      </c>
      <c r="J155" s="34"/>
    </row>
    <row r="156" spans="2:10" ht="39.75" customHeight="1" x14ac:dyDescent="0.2">
      <c r="B156" s="41"/>
      <c r="C156" s="61" t="s">
        <v>1906</v>
      </c>
      <c r="D156" s="19" t="s">
        <v>1842</v>
      </c>
      <c r="E156" s="47">
        <v>141364</v>
      </c>
      <c r="F156" s="19" t="s">
        <v>1907</v>
      </c>
      <c r="G156" s="48" t="s">
        <v>1842</v>
      </c>
      <c r="H156" s="49">
        <v>3</v>
      </c>
      <c r="I156" s="50">
        <v>1</v>
      </c>
      <c r="J156" s="51"/>
    </row>
    <row r="157" spans="2:10" ht="39.75" customHeight="1" x14ac:dyDescent="0.2">
      <c r="B157" s="41"/>
      <c r="C157" s="61" t="s">
        <v>1908</v>
      </c>
      <c r="D157" s="19" t="s">
        <v>1842</v>
      </c>
      <c r="E157" s="47">
        <v>141364</v>
      </c>
      <c r="F157" s="19" t="s">
        <v>1909</v>
      </c>
      <c r="G157" s="48" t="s">
        <v>1842</v>
      </c>
      <c r="H157" s="49">
        <v>0</v>
      </c>
      <c r="I157" s="50">
        <v>1</v>
      </c>
      <c r="J157" s="51"/>
    </row>
    <row r="158" spans="2:10" ht="39.75" customHeight="1" x14ac:dyDescent="0.2">
      <c r="B158" s="24"/>
      <c r="C158" s="11" t="s">
        <v>174</v>
      </c>
      <c r="D158" s="12" t="s">
        <v>1051</v>
      </c>
      <c r="E158" s="11">
        <v>141364</v>
      </c>
      <c r="F158" s="12" t="s">
        <v>1244</v>
      </c>
      <c r="G158" s="13" t="s">
        <v>390</v>
      </c>
      <c r="H158" s="20">
        <v>1</v>
      </c>
      <c r="I158" s="18">
        <v>0</v>
      </c>
      <c r="J158" s="34"/>
    </row>
    <row r="159" spans="2:10" ht="39.75" customHeight="1" x14ac:dyDescent="0.2">
      <c r="B159" s="41"/>
      <c r="C159" s="61" t="s">
        <v>1910</v>
      </c>
      <c r="D159" s="19" t="s">
        <v>1842</v>
      </c>
      <c r="E159" s="47">
        <v>141372</v>
      </c>
      <c r="F159" s="19" t="s">
        <v>1911</v>
      </c>
      <c r="G159" s="48" t="s">
        <v>1842</v>
      </c>
      <c r="H159" s="49">
        <v>2</v>
      </c>
      <c r="I159" s="50">
        <v>1</v>
      </c>
      <c r="J159" s="51"/>
    </row>
    <row r="160" spans="2:10" ht="39.75" customHeight="1" x14ac:dyDescent="0.2">
      <c r="B160" s="24"/>
      <c r="C160" s="11" t="s">
        <v>361</v>
      </c>
      <c r="D160" s="12" t="s">
        <v>1051</v>
      </c>
      <c r="E160" s="11">
        <v>141372</v>
      </c>
      <c r="F160" s="12" t="s">
        <v>1245</v>
      </c>
      <c r="G160" s="13" t="s">
        <v>390</v>
      </c>
      <c r="H160" s="20">
        <v>2</v>
      </c>
      <c r="I160" s="18">
        <v>5</v>
      </c>
      <c r="J160" s="33" t="s">
        <v>2080</v>
      </c>
    </row>
    <row r="161" spans="2:10" ht="39.75" customHeight="1" x14ac:dyDescent="0.2">
      <c r="B161" s="24"/>
      <c r="C161" s="11" t="s">
        <v>67</v>
      </c>
      <c r="D161" s="12" t="s">
        <v>1051</v>
      </c>
      <c r="E161" s="11">
        <v>141372</v>
      </c>
      <c r="F161" s="12" t="s">
        <v>1246</v>
      </c>
      <c r="G161" s="13" t="s">
        <v>390</v>
      </c>
      <c r="H161" s="20">
        <v>1</v>
      </c>
      <c r="I161" s="18">
        <v>0</v>
      </c>
      <c r="J161" s="34"/>
    </row>
    <row r="162" spans="2:10" ht="39.75" customHeight="1" x14ac:dyDescent="0.2">
      <c r="B162" s="24"/>
      <c r="C162" s="11" t="s">
        <v>290</v>
      </c>
      <c r="D162" s="12" t="s">
        <v>1051</v>
      </c>
      <c r="E162" s="11">
        <v>141372</v>
      </c>
      <c r="F162" s="12" t="s">
        <v>1614</v>
      </c>
      <c r="G162" s="13" t="s">
        <v>390</v>
      </c>
      <c r="H162" s="20">
        <v>1</v>
      </c>
      <c r="I162" s="18">
        <v>0</v>
      </c>
      <c r="J162" s="34"/>
    </row>
    <row r="163" spans="2:10" ht="39.75" customHeight="1" x14ac:dyDescent="0.2">
      <c r="B163" s="41"/>
      <c r="C163" s="61" t="s">
        <v>1912</v>
      </c>
      <c r="D163" s="19" t="s">
        <v>1842</v>
      </c>
      <c r="E163" s="47">
        <v>141372</v>
      </c>
      <c r="F163" s="19" t="s">
        <v>1913</v>
      </c>
      <c r="G163" s="48" t="s">
        <v>1842</v>
      </c>
      <c r="H163" s="49">
        <v>1</v>
      </c>
      <c r="I163" s="50">
        <v>1</v>
      </c>
      <c r="J163" s="51"/>
    </row>
    <row r="164" spans="2:10" ht="39.75" customHeight="1" x14ac:dyDescent="0.2">
      <c r="B164" s="41"/>
      <c r="C164" s="61" t="s">
        <v>1914</v>
      </c>
      <c r="D164" s="19" t="s">
        <v>1842</v>
      </c>
      <c r="E164" s="47">
        <v>141372</v>
      </c>
      <c r="F164" s="19" t="s">
        <v>1915</v>
      </c>
      <c r="G164" s="48" t="s">
        <v>1842</v>
      </c>
      <c r="H164" s="49">
        <v>1</v>
      </c>
      <c r="I164" s="50">
        <v>1</v>
      </c>
      <c r="J164" s="51"/>
    </row>
    <row r="165" spans="2:10" ht="39.75" customHeight="1" x14ac:dyDescent="0.2">
      <c r="B165" s="41"/>
      <c r="C165" s="61" t="s">
        <v>1916</v>
      </c>
      <c r="D165" s="19" t="s">
        <v>1842</v>
      </c>
      <c r="E165" s="47">
        <v>141372</v>
      </c>
      <c r="F165" s="19" t="s">
        <v>1917</v>
      </c>
      <c r="G165" s="48" t="s">
        <v>1842</v>
      </c>
      <c r="H165" s="49">
        <v>2</v>
      </c>
      <c r="I165" s="50">
        <v>1</v>
      </c>
      <c r="J165" s="51"/>
    </row>
    <row r="166" spans="2:10" ht="39.75" customHeight="1" x14ac:dyDescent="0.2">
      <c r="B166" s="24"/>
      <c r="C166" s="11" t="s">
        <v>181</v>
      </c>
      <c r="D166" s="12" t="s">
        <v>1051</v>
      </c>
      <c r="E166" s="11">
        <v>141372</v>
      </c>
      <c r="F166" s="12" t="s">
        <v>1298</v>
      </c>
      <c r="G166" s="13" t="s">
        <v>390</v>
      </c>
      <c r="H166" s="20">
        <v>1</v>
      </c>
      <c r="I166" s="18">
        <v>0</v>
      </c>
      <c r="J166" s="34"/>
    </row>
    <row r="167" spans="2:10" ht="39.75" customHeight="1" x14ac:dyDescent="0.2">
      <c r="B167" s="42"/>
      <c r="C167" s="61" t="s">
        <v>2062</v>
      </c>
      <c r="D167" s="19" t="s">
        <v>1842</v>
      </c>
      <c r="E167" s="60">
        <v>141372</v>
      </c>
      <c r="F167" s="19" t="s">
        <v>2063</v>
      </c>
      <c r="G167" s="61" t="s">
        <v>2061</v>
      </c>
      <c r="H167" s="49">
        <v>1</v>
      </c>
      <c r="I167" s="50">
        <v>2</v>
      </c>
      <c r="J167" s="51"/>
    </row>
    <row r="168" spans="2:10" ht="39.75" customHeight="1" x14ac:dyDescent="0.2">
      <c r="B168" s="42"/>
      <c r="C168" s="61" t="s">
        <v>2059</v>
      </c>
      <c r="D168" s="19" t="s">
        <v>1842</v>
      </c>
      <c r="E168" s="60">
        <v>141372</v>
      </c>
      <c r="F168" s="19" t="s">
        <v>2060</v>
      </c>
      <c r="G168" s="61" t="s">
        <v>2061</v>
      </c>
      <c r="H168" s="49">
        <v>3</v>
      </c>
      <c r="I168" s="50">
        <v>0</v>
      </c>
      <c r="J168" s="51"/>
    </row>
    <row r="169" spans="2:10" ht="39.75" customHeight="1" x14ac:dyDescent="0.2">
      <c r="B169" s="24"/>
      <c r="C169" s="11" t="s">
        <v>180</v>
      </c>
      <c r="D169" s="12" t="s">
        <v>1051</v>
      </c>
      <c r="E169" s="11">
        <v>141372</v>
      </c>
      <c r="F169" s="12" t="s">
        <v>1615</v>
      </c>
      <c r="G169" s="13" t="s">
        <v>390</v>
      </c>
      <c r="H169" s="20">
        <v>2</v>
      </c>
      <c r="I169" s="18">
        <v>0</v>
      </c>
      <c r="J169" s="34"/>
    </row>
    <row r="170" spans="2:10" ht="39.75" customHeight="1" x14ac:dyDescent="0.2">
      <c r="B170" s="24"/>
      <c r="C170" s="11" t="s">
        <v>957</v>
      </c>
      <c r="D170" s="12" t="s">
        <v>1052</v>
      </c>
      <c r="E170" s="11">
        <v>141518</v>
      </c>
      <c r="F170" s="12" t="s">
        <v>1616</v>
      </c>
      <c r="G170" s="17" t="s">
        <v>882</v>
      </c>
      <c r="H170" s="20">
        <v>1</v>
      </c>
      <c r="I170" s="18">
        <v>0</v>
      </c>
      <c r="J170" s="34"/>
    </row>
    <row r="171" spans="2:10" ht="39.75" customHeight="1" x14ac:dyDescent="0.2">
      <c r="B171" s="24"/>
      <c r="C171" s="11" t="s">
        <v>982</v>
      </c>
      <c r="D171" s="12" t="s">
        <v>1052</v>
      </c>
      <c r="E171" s="11">
        <v>141518</v>
      </c>
      <c r="F171" s="12" t="s">
        <v>1617</v>
      </c>
      <c r="G171" s="17" t="s">
        <v>882</v>
      </c>
      <c r="H171" s="20">
        <v>2</v>
      </c>
      <c r="I171" s="18">
        <v>0</v>
      </c>
      <c r="J171" s="34"/>
    </row>
    <row r="172" spans="2:10" ht="39.75" customHeight="1" x14ac:dyDescent="0.2">
      <c r="B172" s="24"/>
      <c r="C172" s="11" t="s">
        <v>932</v>
      </c>
      <c r="D172" s="12" t="s">
        <v>1052</v>
      </c>
      <c r="E172" s="11">
        <v>141518</v>
      </c>
      <c r="F172" s="12" t="s">
        <v>1618</v>
      </c>
      <c r="G172" s="17" t="s">
        <v>882</v>
      </c>
      <c r="H172" s="20">
        <v>3</v>
      </c>
      <c r="I172" s="18">
        <v>0</v>
      </c>
      <c r="J172" s="34"/>
    </row>
    <row r="173" spans="2:10" ht="39.75" customHeight="1" x14ac:dyDescent="0.2">
      <c r="B173" s="24"/>
      <c r="C173" s="11" t="s">
        <v>940</v>
      </c>
      <c r="D173" s="12" t="s">
        <v>1052</v>
      </c>
      <c r="E173" s="11">
        <v>141518</v>
      </c>
      <c r="F173" s="12" t="s">
        <v>1530</v>
      </c>
      <c r="G173" s="17" t="s">
        <v>882</v>
      </c>
      <c r="H173" s="20">
        <v>1</v>
      </c>
      <c r="I173" s="18">
        <v>0</v>
      </c>
      <c r="J173" s="34"/>
    </row>
    <row r="174" spans="2:10" ht="39.75" customHeight="1" x14ac:dyDescent="0.2">
      <c r="B174" s="24"/>
      <c r="C174" s="11" t="s">
        <v>922</v>
      </c>
      <c r="D174" s="12" t="s">
        <v>1052</v>
      </c>
      <c r="E174" s="11">
        <v>141518</v>
      </c>
      <c r="F174" s="12" t="s">
        <v>1736</v>
      </c>
      <c r="G174" s="17" t="s">
        <v>882</v>
      </c>
      <c r="H174" s="20">
        <v>0</v>
      </c>
      <c r="I174" s="18">
        <v>2</v>
      </c>
      <c r="J174" s="34"/>
    </row>
    <row r="175" spans="2:10" ht="39.75" customHeight="1" x14ac:dyDescent="0.2">
      <c r="B175" s="24"/>
      <c r="C175" s="11" t="s">
        <v>937</v>
      </c>
      <c r="D175" s="12" t="s">
        <v>1052</v>
      </c>
      <c r="E175" s="11">
        <v>141518</v>
      </c>
      <c r="F175" s="12" t="s">
        <v>1737</v>
      </c>
      <c r="G175" s="17" t="s">
        <v>882</v>
      </c>
      <c r="H175" s="20">
        <v>3</v>
      </c>
      <c r="I175" s="18">
        <v>0</v>
      </c>
      <c r="J175" s="34"/>
    </row>
    <row r="176" spans="2:10" ht="39.75" customHeight="1" x14ac:dyDescent="0.2">
      <c r="B176" s="24"/>
      <c r="C176" s="11" t="s">
        <v>41</v>
      </c>
      <c r="D176" s="12" t="s">
        <v>1052</v>
      </c>
      <c r="E176" s="11">
        <v>141518</v>
      </c>
      <c r="F176" s="12" t="s">
        <v>321</v>
      </c>
      <c r="G176" s="13" t="s">
        <v>390</v>
      </c>
      <c r="H176" s="20">
        <v>1</v>
      </c>
      <c r="I176" s="18">
        <v>0</v>
      </c>
      <c r="J176" s="34"/>
    </row>
    <row r="177" spans="2:10" ht="39.75" customHeight="1" x14ac:dyDescent="0.2">
      <c r="B177" s="24"/>
      <c r="C177" s="11" t="s">
        <v>933</v>
      </c>
      <c r="D177" s="12" t="s">
        <v>1052</v>
      </c>
      <c r="E177" s="11">
        <v>141518</v>
      </c>
      <c r="F177" s="12" t="s">
        <v>934</v>
      </c>
      <c r="G177" s="17" t="s">
        <v>882</v>
      </c>
      <c r="H177" s="20">
        <v>1</v>
      </c>
      <c r="I177" s="18">
        <v>0</v>
      </c>
      <c r="J177" s="34"/>
    </row>
    <row r="178" spans="2:10" ht="39.75" customHeight="1" x14ac:dyDescent="0.2">
      <c r="B178" s="24"/>
      <c r="C178" s="11" t="s">
        <v>894</v>
      </c>
      <c r="D178" s="12" t="s">
        <v>1052</v>
      </c>
      <c r="E178" s="11">
        <v>141518</v>
      </c>
      <c r="F178" s="12" t="s">
        <v>1531</v>
      </c>
      <c r="G178" s="17" t="s">
        <v>893</v>
      </c>
      <c r="H178" s="20">
        <v>1</v>
      </c>
      <c r="I178" s="18">
        <v>0</v>
      </c>
      <c r="J178" s="34"/>
    </row>
    <row r="179" spans="2:10" ht="39.75" customHeight="1" x14ac:dyDescent="0.2">
      <c r="B179" s="24"/>
      <c r="C179" s="11" t="s">
        <v>919</v>
      </c>
      <c r="D179" s="12" t="s">
        <v>1052</v>
      </c>
      <c r="E179" s="11">
        <v>141518</v>
      </c>
      <c r="F179" s="12" t="s">
        <v>1207</v>
      </c>
      <c r="G179" s="17" t="s">
        <v>882</v>
      </c>
      <c r="H179" s="20">
        <v>0</v>
      </c>
      <c r="I179" s="18">
        <v>1</v>
      </c>
      <c r="J179" s="34"/>
    </row>
    <row r="180" spans="2:10" ht="39.75" customHeight="1" x14ac:dyDescent="0.2">
      <c r="B180" s="24"/>
      <c r="C180" s="11" t="s">
        <v>127</v>
      </c>
      <c r="D180" s="12" t="s">
        <v>1052</v>
      </c>
      <c r="E180" s="11">
        <v>141518</v>
      </c>
      <c r="F180" s="12" t="s">
        <v>347</v>
      </c>
      <c r="G180" s="13" t="s">
        <v>390</v>
      </c>
      <c r="H180" s="20">
        <v>1</v>
      </c>
      <c r="I180" s="18">
        <v>1</v>
      </c>
      <c r="J180" s="34"/>
    </row>
    <row r="181" spans="2:10" ht="39.75" customHeight="1" x14ac:dyDescent="0.2">
      <c r="B181" s="24"/>
      <c r="C181" s="11" t="s">
        <v>1026</v>
      </c>
      <c r="D181" s="12" t="s">
        <v>1052</v>
      </c>
      <c r="E181" s="11">
        <v>141518</v>
      </c>
      <c r="F181" s="12" t="s">
        <v>1447</v>
      </c>
      <c r="G181" s="17" t="s">
        <v>882</v>
      </c>
      <c r="H181" s="20">
        <v>4</v>
      </c>
      <c r="I181" s="18">
        <v>0</v>
      </c>
      <c r="J181" s="35"/>
    </row>
    <row r="182" spans="2:10" ht="39.75" customHeight="1" x14ac:dyDescent="0.2">
      <c r="B182" s="24"/>
      <c r="C182" s="11" t="s">
        <v>2067</v>
      </c>
      <c r="D182" s="12" t="s">
        <v>1052</v>
      </c>
      <c r="E182" s="11">
        <v>141518</v>
      </c>
      <c r="F182" s="12" t="s">
        <v>2068</v>
      </c>
      <c r="G182" s="13" t="s">
        <v>390</v>
      </c>
      <c r="H182" s="20">
        <v>4</v>
      </c>
      <c r="I182" s="18">
        <v>3</v>
      </c>
      <c r="J182" s="34"/>
    </row>
    <row r="183" spans="2:10" ht="39.75" customHeight="1" x14ac:dyDescent="0.2">
      <c r="B183" s="24"/>
      <c r="C183" s="11" t="s">
        <v>955</v>
      </c>
      <c r="D183" s="12" t="s">
        <v>1052</v>
      </c>
      <c r="E183" s="11">
        <v>141518</v>
      </c>
      <c r="F183" s="12" t="s">
        <v>1738</v>
      </c>
      <c r="G183" s="17" t="s">
        <v>882</v>
      </c>
      <c r="H183" s="20">
        <v>3</v>
      </c>
      <c r="I183" s="18">
        <v>0</v>
      </c>
      <c r="J183" s="34" t="s">
        <v>956</v>
      </c>
    </row>
    <row r="184" spans="2:10" ht="39.75" customHeight="1" x14ac:dyDescent="0.2">
      <c r="B184" s="24"/>
      <c r="C184" s="11" t="s">
        <v>968</v>
      </c>
      <c r="D184" s="12" t="s">
        <v>1052</v>
      </c>
      <c r="E184" s="11">
        <v>141518</v>
      </c>
      <c r="F184" s="12" t="s">
        <v>1532</v>
      </c>
      <c r="G184" s="17" t="s">
        <v>882</v>
      </c>
      <c r="H184" s="20">
        <v>6</v>
      </c>
      <c r="I184" s="18">
        <v>0</v>
      </c>
      <c r="J184" s="34" t="s">
        <v>969</v>
      </c>
    </row>
    <row r="185" spans="2:10" ht="39.75" customHeight="1" x14ac:dyDescent="0.2">
      <c r="B185" s="24"/>
      <c r="C185" s="11" t="s">
        <v>999</v>
      </c>
      <c r="D185" s="12" t="s">
        <v>1052</v>
      </c>
      <c r="E185" s="11">
        <v>141518</v>
      </c>
      <c r="F185" s="12" t="s">
        <v>1620</v>
      </c>
      <c r="G185" s="17" t="s">
        <v>882</v>
      </c>
      <c r="H185" s="20">
        <v>4</v>
      </c>
      <c r="I185" s="18">
        <v>0</v>
      </c>
      <c r="J185" s="34"/>
    </row>
    <row r="186" spans="2:10" ht="39.75" customHeight="1" x14ac:dyDescent="0.2">
      <c r="B186" s="24"/>
      <c r="C186" s="11" t="s">
        <v>123</v>
      </c>
      <c r="D186" s="12" t="s">
        <v>1052</v>
      </c>
      <c r="E186" s="11">
        <v>141518</v>
      </c>
      <c r="F186" s="12" t="s">
        <v>1739</v>
      </c>
      <c r="G186" s="13" t="s">
        <v>390</v>
      </c>
      <c r="H186" s="20">
        <v>1</v>
      </c>
      <c r="I186" s="18">
        <v>0</v>
      </c>
      <c r="J186" s="34"/>
    </row>
    <row r="187" spans="2:10" ht="39.75" customHeight="1" x14ac:dyDescent="0.2">
      <c r="B187" s="24"/>
      <c r="C187" s="11" t="s">
        <v>993</v>
      </c>
      <c r="D187" s="12" t="s">
        <v>1052</v>
      </c>
      <c r="E187" s="11">
        <v>141518</v>
      </c>
      <c r="F187" s="12" t="s">
        <v>1360</v>
      </c>
      <c r="G187" s="17" t="s">
        <v>882</v>
      </c>
      <c r="H187" s="20">
        <v>1</v>
      </c>
      <c r="I187" s="18">
        <v>0</v>
      </c>
      <c r="J187" s="34"/>
    </row>
    <row r="188" spans="2:10" ht="39.75" customHeight="1" x14ac:dyDescent="0.2">
      <c r="B188" s="24"/>
      <c r="C188" s="11" t="s">
        <v>121</v>
      </c>
      <c r="D188" s="12" t="s">
        <v>1052</v>
      </c>
      <c r="E188" s="11">
        <v>141518</v>
      </c>
      <c r="F188" s="12" t="s">
        <v>1448</v>
      </c>
      <c r="G188" s="13" t="s">
        <v>390</v>
      </c>
      <c r="H188" s="20">
        <v>1</v>
      </c>
      <c r="I188" s="18">
        <v>0</v>
      </c>
      <c r="J188" s="34"/>
    </row>
    <row r="189" spans="2:10" ht="39.75" customHeight="1" x14ac:dyDescent="0.2">
      <c r="B189" s="24"/>
      <c r="C189" s="11" t="s">
        <v>126</v>
      </c>
      <c r="D189" s="12" t="s">
        <v>1052</v>
      </c>
      <c r="E189" s="11">
        <v>141518</v>
      </c>
      <c r="F189" s="12" t="s">
        <v>1533</v>
      </c>
      <c r="G189" s="13" t="s">
        <v>390</v>
      </c>
      <c r="H189" s="20">
        <v>1</v>
      </c>
      <c r="I189" s="18">
        <v>0</v>
      </c>
      <c r="J189" s="34"/>
    </row>
    <row r="190" spans="2:10" ht="39.75" customHeight="1" x14ac:dyDescent="0.2">
      <c r="B190" s="24"/>
      <c r="C190" s="11" t="s">
        <v>57</v>
      </c>
      <c r="D190" s="12" t="s">
        <v>1052</v>
      </c>
      <c r="E190" s="11">
        <v>141518</v>
      </c>
      <c r="F190" s="12" t="s">
        <v>1534</v>
      </c>
      <c r="G190" s="13" t="s">
        <v>390</v>
      </c>
      <c r="H190" s="20">
        <v>1</v>
      </c>
      <c r="I190" s="18">
        <v>0</v>
      </c>
      <c r="J190" s="34"/>
    </row>
    <row r="191" spans="2:10" ht="39.75" customHeight="1" x14ac:dyDescent="0.2">
      <c r="B191" s="24"/>
      <c r="C191" s="11" t="s">
        <v>994</v>
      </c>
      <c r="D191" s="12" t="s">
        <v>1052</v>
      </c>
      <c r="E191" s="11">
        <v>141518</v>
      </c>
      <c r="F191" s="12" t="s">
        <v>1621</v>
      </c>
      <c r="G191" s="17" t="s">
        <v>882</v>
      </c>
      <c r="H191" s="20">
        <v>0</v>
      </c>
      <c r="I191" s="18">
        <v>2</v>
      </c>
      <c r="J191" s="34"/>
    </row>
    <row r="192" spans="2:10" ht="39.75" customHeight="1" x14ac:dyDescent="0.2">
      <c r="B192" s="24"/>
      <c r="C192" s="11" t="s">
        <v>927</v>
      </c>
      <c r="D192" s="12" t="s">
        <v>1052</v>
      </c>
      <c r="E192" s="11">
        <v>141518</v>
      </c>
      <c r="F192" s="12" t="s">
        <v>928</v>
      </c>
      <c r="G192" s="17" t="s">
        <v>882</v>
      </c>
      <c r="H192" s="20">
        <v>1</v>
      </c>
      <c r="I192" s="18">
        <v>0</v>
      </c>
      <c r="J192" s="34"/>
    </row>
    <row r="193" spans="2:10" ht="39.75" customHeight="1" x14ac:dyDescent="0.2">
      <c r="B193" s="24"/>
      <c r="C193" s="11" t="s">
        <v>959</v>
      </c>
      <c r="D193" s="12" t="s">
        <v>1052</v>
      </c>
      <c r="E193" s="11">
        <v>141518</v>
      </c>
      <c r="F193" s="12" t="s">
        <v>1622</v>
      </c>
      <c r="G193" s="17" t="s">
        <v>882</v>
      </c>
      <c r="H193" s="20">
        <v>1</v>
      </c>
      <c r="I193" s="18">
        <v>0</v>
      </c>
      <c r="J193" s="34"/>
    </row>
    <row r="194" spans="2:10" ht="39.75" customHeight="1" x14ac:dyDescent="0.2">
      <c r="B194" s="24"/>
      <c r="C194" s="11" t="s">
        <v>111</v>
      </c>
      <c r="D194" s="12" t="s">
        <v>1052</v>
      </c>
      <c r="E194" s="11">
        <v>141518</v>
      </c>
      <c r="F194" s="12" t="s">
        <v>1361</v>
      </c>
      <c r="G194" s="13" t="s">
        <v>390</v>
      </c>
      <c r="H194" s="20">
        <v>1</v>
      </c>
      <c r="I194" s="18">
        <v>1</v>
      </c>
      <c r="J194" s="34"/>
    </row>
    <row r="195" spans="2:10" ht="39.75" customHeight="1" x14ac:dyDescent="0.2">
      <c r="B195" s="24"/>
      <c r="C195" s="11" t="s">
        <v>73</v>
      </c>
      <c r="D195" s="12" t="s">
        <v>1052</v>
      </c>
      <c r="E195" s="11">
        <v>141518</v>
      </c>
      <c r="F195" s="12" t="s">
        <v>330</v>
      </c>
      <c r="G195" s="13" t="s">
        <v>390</v>
      </c>
      <c r="H195" s="20">
        <v>1</v>
      </c>
      <c r="I195" s="18">
        <v>1</v>
      </c>
      <c r="J195" s="34"/>
    </row>
    <row r="196" spans="2:10" ht="39.75" customHeight="1" x14ac:dyDescent="0.2">
      <c r="B196" s="24"/>
      <c r="C196" s="11" t="s">
        <v>312</v>
      </c>
      <c r="D196" s="12" t="s">
        <v>1052</v>
      </c>
      <c r="E196" s="11">
        <v>141518</v>
      </c>
      <c r="F196" s="16" t="s">
        <v>380</v>
      </c>
      <c r="G196" s="13" t="s">
        <v>390</v>
      </c>
      <c r="H196" s="20">
        <v>1</v>
      </c>
      <c r="I196" s="18">
        <v>0</v>
      </c>
      <c r="J196" s="34"/>
    </row>
    <row r="197" spans="2:10" ht="39.75" customHeight="1" x14ac:dyDescent="0.2">
      <c r="B197" s="24"/>
      <c r="C197" s="11" t="s">
        <v>105</v>
      </c>
      <c r="D197" s="12" t="s">
        <v>1052</v>
      </c>
      <c r="E197" s="11">
        <v>141518</v>
      </c>
      <c r="F197" s="12" t="s">
        <v>341</v>
      </c>
      <c r="G197" s="13" t="s">
        <v>390</v>
      </c>
      <c r="H197" s="20">
        <v>8</v>
      </c>
      <c r="I197" s="18">
        <v>0</v>
      </c>
      <c r="J197" s="34"/>
    </row>
    <row r="198" spans="2:10" ht="39.75" customHeight="1" x14ac:dyDescent="0.2">
      <c r="B198" s="24"/>
      <c r="C198" s="11" t="s">
        <v>913</v>
      </c>
      <c r="D198" s="12" t="s">
        <v>1052</v>
      </c>
      <c r="E198" s="11">
        <v>141518</v>
      </c>
      <c r="F198" s="12" t="s">
        <v>1623</v>
      </c>
      <c r="G198" s="17" t="s">
        <v>882</v>
      </c>
      <c r="H198" s="20">
        <v>13</v>
      </c>
      <c r="I198" s="18">
        <v>0</v>
      </c>
      <c r="J198" s="34" t="s">
        <v>914</v>
      </c>
    </row>
    <row r="199" spans="2:10" ht="39.75" customHeight="1" x14ac:dyDescent="0.2">
      <c r="B199" s="24"/>
      <c r="C199" s="11" t="s">
        <v>991</v>
      </c>
      <c r="D199" s="12" t="s">
        <v>1052</v>
      </c>
      <c r="E199" s="11">
        <v>141518</v>
      </c>
      <c r="F199" s="12" t="s">
        <v>1449</v>
      </c>
      <c r="G199" s="17" t="s">
        <v>882</v>
      </c>
      <c r="H199" s="20">
        <v>1</v>
      </c>
      <c r="I199" s="18">
        <v>0</v>
      </c>
      <c r="J199" s="34" t="s">
        <v>992</v>
      </c>
    </row>
    <row r="200" spans="2:10" ht="39.75" customHeight="1" x14ac:dyDescent="0.2">
      <c r="B200" s="24"/>
      <c r="C200" s="11" t="s">
        <v>911</v>
      </c>
      <c r="D200" s="12" t="s">
        <v>1052</v>
      </c>
      <c r="E200" s="11">
        <v>141518</v>
      </c>
      <c r="F200" s="12" t="s">
        <v>1450</v>
      </c>
      <c r="G200" s="17" t="s">
        <v>882</v>
      </c>
      <c r="H200" s="20">
        <v>22</v>
      </c>
      <c r="I200" s="18">
        <v>0</v>
      </c>
      <c r="J200" s="34" t="s">
        <v>912</v>
      </c>
    </row>
    <row r="201" spans="2:10" ht="39.75" customHeight="1" x14ac:dyDescent="0.2">
      <c r="B201" s="24"/>
      <c r="C201" s="11" t="s">
        <v>983</v>
      </c>
      <c r="D201" s="12" t="s">
        <v>1052</v>
      </c>
      <c r="E201" s="11">
        <v>141518</v>
      </c>
      <c r="F201" s="12" t="s">
        <v>1362</v>
      </c>
      <c r="G201" s="17" t="s">
        <v>882</v>
      </c>
      <c r="H201" s="20">
        <v>4</v>
      </c>
      <c r="I201" s="18">
        <v>0</v>
      </c>
      <c r="J201" s="34"/>
    </row>
    <row r="202" spans="2:10" ht="39.75" customHeight="1" x14ac:dyDescent="0.2">
      <c r="B202" s="24"/>
      <c r="C202" s="11" t="s">
        <v>324</v>
      </c>
      <c r="D202" s="12" t="s">
        <v>1052</v>
      </c>
      <c r="E202" s="11">
        <v>141518</v>
      </c>
      <c r="F202" s="12" t="s">
        <v>325</v>
      </c>
      <c r="G202" s="13" t="s">
        <v>390</v>
      </c>
      <c r="H202" s="20">
        <v>2</v>
      </c>
      <c r="I202" s="18">
        <v>0</v>
      </c>
      <c r="J202" s="34"/>
    </row>
    <row r="203" spans="2:10" ht="39.75" customHeight="1" x14ac:dyDescent="0.2">
      <c r="B203" s="24"/>
      <c r="C203" s="11" t="s">
        <v>104</v>
      </c>
      <c r="D203" s="12" t="s">
        <v>1052</v>
      </c>
      <c r="E203" s="11">
        <v>141518</v>
      </c>
      <c r="F203" s="12" t="s">
        <v>340</v>
      </c>
      <c r="G203" s="13" t="s">
        <v>390</v>
      </c>
      <c r="H203" s="20">
        <v>4</v>
      </c>
      <c r="I203" s="18">
        <v>1</v>
      </c>
      <c r="J203" s="34"/>
    </row>
    <row r="204" spans="2:10" ht="39.75" customHeight="1" x14ac:dyDescent="0.2">
      <c r="B204" s="24"/>
      <c r="C204" s="11" t="s">
        <v>984</v>
      </c>
      <c r="D204" s="12" t="s">
        <v>1052</v>
      </c>
      <c r="E204" s="11">
        <v>141518</v>
      </c>
      <c r="F204" s="12" t="s">
        <v>1624</v>
      </c>
      <c r="G204" s="17" t="s">
        <v>882</v>
      </c>
      <c r="H204" s="20">
        <v>2</v>
      </c>
      <c r="I204" s="18">
        <v>0</v>
      </c>
      <c r="J204" s="34"/>
    </row>
    <row r="205" spans="2:10" ht="39.75" customHeight="1" x14ac:dyDescent="0.2">
      <c r="B205" s="24"/>
      <c r="C205" s="11" t="s">
        <v>124</v>
      </c>
      <c r="D205" s="12" t="s">
        <v>1052</v>
      </c>
      <c r="E205" s="11">
        <v>141518</v>
      </c>
      <c r="F205" s="12" t="s">
        <v>1740</v>
      </c>
      <c r="G205" s="13" t="s">
        <v>390</v>
      </c>
      <c r="H205" s="20">
        <v>1</v>
      </c>
      <c r="I205" s="18">
        <v>0</v>
      </c>
      <c r="J205" s="34"/>
    </row>
    <row r="206" spans="2:10" ht="39.75" customHeight="1" x14ac:dyDescent="0.2">
      <c r="B206" s="24"/>
      <c r="C206" s="11" t="s">
        <v>1</v>
      </c>
      <c r="D206" s="12" t="s">
        <v>1052</v>
      </c>
      <c r="E206" s="11">
        <v>141518</v>
      </c>
      <c r="F206" s="12" t="s">
        <v>1741</v>
      </c>
      <c r="G206" s="13" t="s">
        <v>390</v>
      </c>
      <c r="H206" s="20">
        <v>5</v>
      </c>
      <c r="I206" s="18">
        <v>0</v>
      </c>
      <c r="J206" s="34"/>
    </row>
    <row r="207" spans="2:10" ht="39.75" customHeight="1" x14ac:dyDescent="0.2">
      <c r="B207" s="24"/>
      <c r="C207" s="11" t="s">
        <v>892</v>
      </c>
      <c r="D207" s="12" t="s">
        <v>1052</v>
      </c>
      <c r="E207" s="11">
        <v>141518</v>
      </c>
      <c r="F207" s="12" t="s">
        <v>1742</v>
      </c>
      <c r="G207" s="17" t="s">
        <v>882</v>
      </c>
      <c r="H207" s="20">
        <v>2</v>
      </c>
      <c r="I207" s="18">
        <v>0</v>
      </c>
      <c r="J207" s="34"/>
    </row>
    <row r="208" spans="2:10" ht="39.75" customHeight="1" x14ac:dyDescent="0.2">
      <c r="B208" s="24"/>
      <c r="C208" s="11" t="s">
        <v>958</v>
      </c>
      <c r="D208" s="12" t="s">
        <v>1052</v>
      </c>
      <c r="E208" s="11">
        <v>141518</v>
      </c>
      <c r="F208" s="12" t="s">
        <v>1535</v>
      </c>
      <c r="G208" s="17" t="s">
        <v>882</v>
      </c>
      <c r="H208" s="20">
        <v>1</v>
      </c>
      <c r="I208" s="18">
        <v>0</v>
      </c>
      <c r="J208" s="34"/>
    </row>
    <row r="209" spans="2:10" ht="39.75" customHeight="1" x14ac:dyDescent="0.2">
      <c r="B209" s="24"/>
      <c r="C209" s="11" t="s">
        <v>1028</v>
      </c>
      <c r="D209" s="12" t="s">
        <v>1052</v>
      </c>
      <c r="E209" s="11">
        <v>141518</v>
      </c>
      <c r="F209" s="12" t="s">
        <v>1536</v>
      </c>
      <c r="G209" s="17" t="s">
        <v>882</v>
      </c>
      <c r="H209" s="20">
        <v>2</v>
      </c>
      <c r="I209" s="18">
        <v>0</v>
      </c>
      <c r="J209" s="34"/>
    </row>
    <row r="210" spans="2:10" ht="39.75" customHeight="1" x14ac:dyDescent="0.2">
      <c r="B210" s="24"/>
      <c r="C210" s="11" t="s">
        <v>971</v>
      </c>
      <c r="D210" s="12" t="s">
        <v>1052</v>
      </c>
      <c r="E210" s="11">
        <v>141518</v>
      </c>
      <c r="F210" s="12" t="s">
        <v>1625</v>
      </c>
      <c r="G210" s="17" t="s">
        <v>882</v>
      </c>
      <c r="H210" s="20">
        <v>2</v>
      </c>
      <c r="I210" s="18">
        <v>0</v>
      </c>
      <c r="J210" s="34"/>
    </row>
    <row r="211" spans="2:10" ht="39.75" customHeight="1" x14ac:dyDescent="0.2">
      <c r="B211" s="24"/>
      <c r="C211" s="11" t="s">
        <v>938</v>
      </c>
      <c r="D211" s="12" t="s">
        <v>1052</v>
      </c>
      <c r="E211" s="11">
        <v>141518</v>
      </c>
      <c r="F211" s="12" t="s">
        <v>1626</v>
      </c>
      <c r="G211" s="17" t="s">
        <v>882</v>
      </c>
      <c r="H211" s="20">
        <v>2</v>
      </c>
      <c r="I211" s="18">
        <v>0</v>
      </c>
      <c r="J211" s="34"/>
    </row>
    <row r="212" spans="2:10" ht="39.75" customHeight="1" x14ac:dyDescent="0.2">
      <c r="B212" s="24"/>
      <c r="C212" s="11" t="s">
        <v>1005</v>
      </c>
      <c r="D212" s="12" t="s">
        <v>1052</v>
      </c>
      <c r="E212" s="11">
        <v>141518</v>
      </c>
      <c r="F212" s="12" t="s">
        <v>1451</v>
      </c>
      <c r="G212" s="17" t="s">
        <v>882</v>
      </c>
      <c r="H212" s="20">
        <v>4</v>
      </c>
      <c r="I212" s="18">
        <v>2</v>
      </c>
      <c r="J212" s="34" t="s">
        <v>1006</v>
      </c>
    </row>
    <row r="213" spans="2:10" ht="39.75" customHeight="1" x14ac:dyDescent="0.2">
      <c r="B213" s="24"/>
      <c r="C213" s="11" t="s">
        <v>973</v>
      </c>
      <c r="D213" s="12" t="s">
        <v>1052</v>
      </c>
      <c r="E213" s="11">
        <v>141518</v>
      </c>
      <c r="F213" s="12" t="s">
        <v>1102</v>
      </c>
      <c r="G213" s="17" t="s">
        <v>882</v>
      </c>
      <c r="H213" s="20">
        <v>2</v>
      </c>
      <c r="I213" s="18">
        <v>0</v>
      </c>
      <c r="J213" s="34"/>
    </row>
    <row r="214" spans="2:10" ht="39.75" customHeight="1" x14ac:dyDescent="0.2">
      <c r="B214" s="24"/>
      <c r="C214" s="11" t="s">
        <v>1000</v>
      </c>
      <c r="D214" s="12" t="s">
        <v>1052</v>
      </c>
      <c r="E214" s="11">
        <v>141518</v>
      </c>
      <c r="F214" s="12" t="s">
        <v>1184</v>
      </c>
      <c r="G214" s="17" t="s">
        <v>882</v>
      </c>
      <c r="H214" s="20">
        <v>4</v>
      </c>
      <c r="I214" s="18">
        <v>0</v>
      </c>
      <c r="J214" s="34"/>
    </row>
    <row r="215" spans="2:10" ht="39.75" customHeight="1" x14ac:dyDescent="0.2">
      <c r="B215" s="24"/>
      <c r="C215" s="11" t="s">
        <v>981</v>
      </c>
      <c r="D215" s="12" t="s">
        <v>1052</v>
      </c>
      <c r="E215" s="11">
        <v>141518</v>
      </c>
      <c r="F215" s="12" t="s">
        <v>1110</v>
      </c>
      <c r="G215" s="17" t="s">
        <v>882</v>
      </c>
      <c r="H215" s="20">
        <v>1</v>
      </c>
      <c r="I215" s="18">
        <v>0</v>
      </c>
      <c r="J215" s="34"/>
    </row>
    <row r="216" spans="2:10" ht="39.75" customHeight="1" x14ac:dyDescent="0.2">
      <c r="B216" s="24"/>
      <c r="C216" s="11" t="s">
        <v>965</v>
      </c>
      <c r="D216" s="12" t="s">
        <v>1052</v>
      </c>
      <c r="E216" s="11">
        <v>141518</v>
      </c>
      <c r="F216" s="12" t="s">
        <v>1247</v>
      </c>
      <c r="G216" s="17" t="s">
        <v>882</v>
      </c>
      <c r="H216" s="20">
        <v>1</v>
      </c>
      <c r="I216" s="18">
        <v>0</v>
      </c>
      <c r="J216" s="34"/>
    </row>
    <row r="217" spans="2:10" ht="39.75" customHeight="1" x14ac:dyDescent="0.2">
      <c r="B217" s="24"/>
      <c r="C217" s="11" t="s">
        <v>980</v>
      </c>
      <c r="D217" s="12" t="s">
        <v>1052</v>
      </c>
      <c r="E217" s="11">
        <v>141518</v>
      </c>
      <c r="F217" s="12" t="s">
        <v>1109</v>
      </c>
      <c r="G217" s="17" t="s">
        <v>882</v>
      </c>
      <c r="H217" s="20">
        <v>1</v>
      </c>
      <c r="I217" s="18">
        <v>0</v>
      </c>
      <c r="J217" s="34"/>
    </row>
    <row r="218" spans="2:10" ht="39.75" customHeight="1" x14ac:dyDescent="0.2">
      <c r="B218" s="24"/>
      <c r="C218" s="11" t="s">
        <v>964</v>
      </c>
      <c r="D218" s="12" t="s">
        <v>1052</v>
      </c>
      <c r="E218" s="11">
        <v>141518</v>
      </c>
      <c r="F218" s="12" t="s">
        <v>1627</v>
      </c>
      <c r="G218" s="17" t="s">
        <v>882</v>
      </c>
      <c r="H218" s="20">
        <v>1</v>
      </c>
      <c r="I218" s="18">
        <v>0</v>
      </c>
      <c r="J218" s="34"/>
    </row>
    <row r="219" spans="2:10" ht="39.75" customHeight="1" x14ac:dyDescent="0.2">
      <c r="B219" s="24"/>
      <c r="C219" s="11" t="s">
        <v>945</v>
      </c>
      <c r="D219" s="12" t="s">
        <v>1052</v>
      </c>
      <c r="E219" s="11">
        <v>141518</v>
      </c>
      <c r="F219" s="12" t="s">
        <v>1619</v>
      </c>
      <c r="G219" s="17" t="s">
        <v>882</v>
      </c>
      <c r="H219" s="20">
        <v>3</v>
      </c>
      <c r="I219" s="18">
        <v>0</v>
      </c>
      <c r="J219" s="34"/>
    </row>
    <row r="220" spans="2:10" ht="39.75" customHeight="1" x14ac:dyDescent="0.2">
      <c r="B220" s="24"/>
      <c r="C220" s="11" t="s">
        <v>215</v>
      </c>
      <c r="D220" s="12" t="s">
        <v>1052</v>
      </c>
      <c r="E220" s="11">
        <v>141518</v>
      </c>
      <c r="F220" s="12" t="s">
        <v>1628</v>
      </c>
      <c r="G220" s="13" t="s">
        <v>390</v>
      </c>
      <c r="H220" s="20">
        <v>2</v>
      </c>
      <c r="I220" s="18">
        <v>0</v>
      </c>
      <c r="J220" s="34"/>
    </row>
    <row r="221" spans="2:10" ht="39.75" customHeight="1" x14ac:dyDescent="0.2">
      <c r="B221" s="24"/>
      <c r="C221" s="11" t="s">
        <v>209</v>
      </c>
      <c r="D221" s="12" t="s">
        <v>1052</v>
      </c>
      <c r="E221" s="11">
        <v>141518</v>
      </c>
      <c r="F221" s="12" t="s">
        <v>1121</v>
      </c>
      <c r="G221" s="13" t="s">
        <v>390</v>
      </c>
      <c r="H221" s="20">
        <v>1</v>
      </c>
      <c r="I221" s="18">
        <v>0</v>
      </c>
      <c r="J221" s="34"/>
    </row>
    <row r="222" spans="2:10" ht="39.75" customHeight="1" x14ac:dyDescent="0.2">
      <c r="B222" s="24"/>
      <c r="C222" s="11" t="s">
        <v>1015</v>
      </c>
      <c r="D222" s="12" t="s">
        <v>1052</v>
      </c>
      <c r="E222" s="11">
        <v>141518</v>
      </c>
      <c r="F222" s="12" t="s">
        <v>1743</v>
      </c>
      <c r="G222" s="17" t="s">
        <v>882</v>
      </c>
      <c r="H222" s="20">
        <v>2</v>
      </c>
      <c r="I222" s="18">
        <v>2</v>
      </c>
      <c r="J222" s="34"/>
    </row>
    <row r="223" spans="2:10" ht="39.75" customHeight="1" x14ac:dyDescent="0.2">
      <c r="B223" s="24"/>
      <c r="C223" s="11" t="s">
        <v>218</v>
      </c>
      <c r="D223" s="12" t="s">
        <v>1052</v>
      </c>
      <c r="E223" s="11">
        <v>141518</v>
      </c>
      <c r="F223" s="12" t="s">
        <v>1122</v>
      </c>
      <c r="G223" s="13" t="s">
        <v>390</v>
      </c>
      <c r="H223" s="20">
        <v>2</v>
      </c>
      <c r="I223" s="18">
        <v>0</v>
      </c>
      <c r="J223" s="34"/>
    </row>
    <row r="224" spans="2:10" ht="39.75" customHeight="1" x14ac:dyDescent="0.2">
      <c r="B224" s="24"/>
      <c r="C224" s="11" t="s">
        <v>1016</v>
      </c>
      <c r="D224" s="12" t="s">
        <v>1052</v>
      </c>
      <c r="E224" s="11">
        <v>141518</v>
      </c>
      <c r="F224" s="12" t="s">
        <v>1299</v>
      </c>
      <c r="G224" s="17" t="s">
        <v>882</v>
      </c>
      <c r="H224" s="20">
        <v>1</v>
      </c>
      <c r="I224" s="18">
        <v>0</v>
      </c>
      <c r="J224" s="34" t="s">
        <v>1017</v>
      </c>
    </row>
    <row r="225" spans="2:10" ht="39.75" customHeight="1" x14ac:dyDescent="0.2">
      <c r="B225" s="24"/>
      <c r="C225" s="11" t="s">
        <v>887</v>
      </c>
      <c r="D225" s="12" t="s">
        <v>1052</v>
      </c>
      <c r="E225" s="11">
        <v>141518</v>
      </c>
      <c r="F225" s="12" t="s">
        <v>888</v>
      </c>
      <c r="G225" s="17" t="s">
        <v>882</v>
      </c>
      <c r="H225" s="20">
        <v>3</v>
      </c>
      <c r="I225" s="18">
        <v>0</v>
      </c>
      <c r="J225" s="34"/>
    </row>
    <row r="226" spans="2:10" ht="39.75" customHeight="1" x14ac:dyDescent="0.2">
      <c r="B226" s="24"/>
      <c r="C226" s="11" t="s">
        <v>362</v>
      </c>
      <c r="D226" s="12" t="s">
        <v>1052</v>
      </c>
      <c r="E226" s="11">
        <v>141518</v>
      </c>
      <c r="F226" s="12" t="s">
        <v>1300</v>
      </c>
      <c r="G226" s="13" t="s">
        <v>390</v>
      </c>
      <c r="H226" s="20">
        <v>2</v>
      </c>
      <c r="I226" s="18">
        <v>0</v>
      </c>
      <c r="J226" s="33" t="s">
        <v>2080</v>
      </c>
    </row>
    <row r="227" spans="2:10" ht="39.75" customHeight="1" x14ac:dyDescent="0.2">
      <c r="B227" s="24"/>
      <c r="C227" s="11" t="s">
        <v>351</v>
      </c>
      <c r="D227" s="12" t="s">
        <v>1052</v>
      </c>
      <c r="E227" s="11">
        <v>141518</v>
      </c>
      <c r="F227" s="12" t="s">
        <v>1452</v>
      </c>
      <c r="G227" s="13" t="s">
        <v>390</v>
      </c>
      <c r="H227" s="20">
        <v>2</v>
      </c>
      <c r="I227" s="18">
        <v>0</v>
      </c>
      <c r="J227" s="34"/>
    </row>
    <row r="228" spans="2:10" ht="39.75" customHeight="1" x14ac:dyDescent="0.2">
      <c r="B228" s="24"/>
      <c r="C228" s="11" t="s">
        <v>985</v>
      </c>
      <c r="D228" s="12" t="s">
        <v>1052</v>
      </c>
      <c r="E228" s="11">
        <v>141518</v>
      </c>
      <c r="F228" s="12" t="s">
        <v>1363</v>
      </c>
      <c r="G228" s="17" t="s">
        <v>882</v>
      </c>
      <c r="H228" s="20">
        <v>3</v>
      </c>
      <c r="I228" s="18">
        <v>0</v>
      </c>
      <c r="J228" s="34"/>
    </row>
    <row r="229" spans="2:10" ht="39.75" customHeight="1" x14ac:dyDescent="0.2">
      <c r="B229" s="24"/>
      <c r="C229" s="11" t="s">
        <v>986</v>
      </c>
      <c r="D229" s="12" t="s">
        <v>1052</v>
      </c>
      <c r="E229" s="11">
        <v>141518</v>
      </c>
      <c r="F229" s="12" t="s">
        <v>1123</v>
      </c>
      <c r="G229" s="17" t="s">
        <v>882</v>
      </c>
      <c r="H229" s="20">
        <v>4</v>
      </c>
      <c r="I229" s="18">
        <v>0</v>
      </c>
      <c r="J229" s="34"/>
    </row>
    <row r="230" spans="2:10" ht="39.75" customHeight="1" x14ac:dyDescent="0.2">
      <c r="B230" s="24"/>
      <c r="C230" s="11" t="s">
        <v>1012</v>
      </c>
      <c r="D230" s="12" t="s">
        <v>1052</v>
      </c>
      <c r="E230" s="11">
        <v>141518</v>
      </c>
      <c r="F230" s="12" t="s">
        <v>1537</v>
      </c>
      <c r="G230" s="17" t="s">
        <v>882</v>
      </c>
      <c r="H230" s="20">
        <v>2</v>
      </c>
      <c r="I230" s="18">
        <v>0</v>
      </c>
      <c r="J230" s="34" t="s">
        <v>1013</v>
      </c>
    </row>
    <row r="231" spans="2:10" ht="39.75" customHeight="1" x14ac:dyDescent="0.2">
      <c r="B231" s="24"/>
      <c r="C231" s="11" t="s">
        <v>1007</v>
      </c>
      <c r="D231" s="12" t="s">
        <v>1052</v>
      </c>
      <c r="E231" s="11">
        <v>141518</v>
      </c>
      <c r="F231" s="12" t="s">
        <v>1208</v>
      </c>
      <c r="G231" s="17" t="s">
        <v>882</v>
      </c>
      <c r="H231" s="20">
        <v>1</v>
      </c>
      <c r="I231" s="18">
        <v>0</v>
      </c>
      <c r="J231" s="34"/>
    </row>
    <row r="232" spans="2:10" ht="39.75" customHeight="1" x14ac:dyDescent="0.2">
      <c r="B232" s="24"/>
      <c r="C232" s="11" t="s">
        <v>1014</v>
      </c>
      <c r="D232" s="12" t="s">
        <v>1052</v>
      </c>
      <c r="E232" s="11">
        <v>141518</v>
      </c>
      <c r="F232" s="12" t="s">
        <v>1629</v>
      </c>
      <c r="G232" s="17" t="s">
        <v>882</v>
      </c>
      <c r="H232" s="20">
        <v>1</v>
      </c>
      <c r="I232" s="18">
        <v>1</v>
      </c>
      <c r="J232" s="34"/>
    </row>
    <row r="233" spans="2:10" ht="39.75" customHeight="1" x14ac:dyDescent="0.2">
      <c r="B233" s="24"/>
      <c r="C233" s="11" t="s">
        <v>1010</v>
      </c>
      <c r="D233" s="12" t="s">
        <v>1052</v>
      </c>
      <c r="E233" s="11">
        <v>141518</v>
      </c>
      <c r="F233" s="12" t="s">
        <v>1364</v>
      </c>
      <c r="G233" s="17" t="s">
        <v>882</v>
      </c>
      <c r="H233" s="20">
        <v>1</v>
      </c>
      <c r="I233" s="18">
        <v>0</v>
      </c>
      <c r="J233" s="34" t="s">
        <v>1011</v>
      </c>
    </row>
    <row r="234" spans="2:10" ht="39.75" customHeight="1" x14ac:dyDescent="0.2">
      <c r="B234" s="24"/>
      <c r="C234" s="11" t="s">
        <v>951</v>
      </c>
      <c r="D234" s="12" t="s">
        <v>1052</v>
      </c>
      <c r="E234" s="11">
        <v>141518</v>
      </c>
      <c r="F234" s="12" t="s">
        <v>1630</v>
      </c>
      <c r="G234" s="17" t="s">
        <v>882</v>
      </c>
      <c r="H234" s="20">
        <v>4</v>
      </c>
      <c r="I234" s="18">
        <v>0</v>
      </c>
      <c r="J234" s="34"/>
    </row>
    <row r="235" spans="2:10" ht="39.75" customHeight="1" x14ac:dyDescent="0.2">
      <c r="B235" s="24"/>
      <c r="C235" s="11" t="s">
        <v>313</v>
      </c>
      <c r="D235" s="12" t="s">
        <v>1052</v>
      </c>
      <c r="E235" s="11">
        <v>141518</v>
      </c>
      <c r="F235" s="12" t="s">
        <v>1120</v>
      </c>
      <c r="G235" s="13" t="s">
        <v>390</v>
      </c>
      <c r="H235" s="20">
        <v>1</v>
      </c>
      <c r="I235" s="18">
        <v>0</v>
      </c>
      <c r="J235" s="34"/>
    </row>
    <row r="236" spans="2:10" ht="39.75" customHeight="1" x14ac:dyDescent="0.2">
      <c r="B236" s="24"/>
      <c r="C236" s="11" t="s">
        <v>1008</v>
      </c>
      <c r="D236" s="12" t="s">
        <v>1052</v>
      </c>
      <c r="E236" s="11">
        <v>141518</v>
      </c>
      <c r="F236" s="12" t="s">
        <v>1453</v>
      </c>
      <c r="G236" s="17" t="s">
        <v>882</v>
      </c>
      <c r="H236" s="20">
        <v>1</v>
      </c>
      <c r="I236" s="18">
        <v>0</v>
      </c>
      <c r="J236" s="34" t="s">
        <v>1009</v>
      </c>
    </row>
    <row r="237" spans="2:10" ht="39.75" customHeight="1" x14ac:dyDescent="0.2">
      <c r="B237" s="24"/>
      <c r="C237" s="11" t="s">
        <v>84</v>
      </c>
      <c r="D237" s="12" t="s">
        <v>1052</v>
      </c>
      <c r="E237" s="11">
        <v>141518</v>
      </c>
      <c r="F237" s="12" t="s">
        <v>1538</v>
      </c>
      <c r="G237" s="13" t="s">
        <v>390</v>
      </c>
      <c r="H237" s="20">
        <v>3</v>
      </c>
      <c r="I237" s="18">
        <v>7</v>
      </c>
      <c r="J237" s="34"/>
    </row>
    <row r="238" spans="2:10" ht="39.75" customHeight="1" x14ac:dyDescent="0.2">
      <c r="B238" s="24"/>
      <c r="C238" s="11" t="s">
        <v>889</v>
      </c>
      <c r="D238" s="12" t="s">
        <v>1052</v>
      </c>
      <c r="E238" s="11">
        <v>141518</v>
      </c>
      <c r="F238" s="12" t="s">
        <v>1744</v>
      </c>
      <c r="G238" s="17" t="s">
        <v>882</v>
      </c>
      <c r="H238" s="20">
        <v>3</v>
      </c>
      <c r="I238" s="18">
        <v>0</v>
      </c>
      <c r="J238" s="34"/>
    </row>
    <row r="239" spans="2:10" ht="39.75" customHeight="1" x14ac:dyDescent="0.2">
      <c r="B239" s="24"/>
      <c r="C239" s="11" t="s">
        <v>2074</v>
      </c>
      <c r="D239" s="12" t="s">
        <v>2075</v>
      </c>
      <c r="E239" s="11">
        <v>141518</v>
      </c>
      <c r="F239" s="12" t="s">
        <v>2076</v>
      </c>
      <c r="G239" s="17" t="s">
        <v>882</v>
      </c>
      <c r="H239" s="20">
        <v>0</v>
      </c>
      <c r="I239" s="18">
        <v>1</v>
      </c>
      <c r="J239" s="34"/>
    </row>
    <row r="240" spans="2:10" ht="39.75" customHeight="1" x14ac:dyDescent="0.2">
      <c r="B240" s="24"/>
      <c r="C240" s="11" t="s">
        <v>1027</v>
      </c>
      <c r="D240" s="12" t="s">
        <v>1052</v>
      </c>
      <c r="E240" s="11">
        <v>141526</v>
      </c>
      <c r="F240" s="12" t="s">
        <v>1209</v>
      </c>
      <c r="G240" s="17" t="s">
        <v>882</v>
      </c>
      <c r="H240" s="20">
        <v>2</v>
      </c>
      <c r="I240" s="18">
        <v>0</v>
      </c>
      <c r="J240" s="34"/>
    </row>
    <row r="241" spans="2:10" ht="39.75" customHeight="1" x14ac:dyDescent="0.2">
      <c r="B241" s="24"/>
      <c r="C241" s="11" t="s">
        <v>885</v>
      </c>
      <c r="D241" s="12" t="s">
        <v>1052</v>
      </c>
      <c r="E241" s="11">
        <v>141526</v>
      </c>
      <c r="F241" s="12" t="s">
        <v>886</v>
      </c>
      <c r="G241" s="17" t="s">
        <v>882</v>
      </c>
      <c r="H241" s="20">
        <v>0</v>
      </c>
      <c r="I241" s="18">
        <v>2</v>
      </c>
      <c r="J241" s="34"/>
    </row>
    <row r="242" spans="2:10" ht="39.75" customHeight="1" x14ac:dyDescent="0.2">
      <c r="B242" s="24"/>
      <c r="C242" s="11" t="s">
        <v>901</v>
      </c>
      <c r="D242" s="12" t="s">
        <v>1052</v>
      </c>
      <c r="E242" s="11">
        <v>141526</v>
      </c>
      <c r="F242" s="12" t="s">
        <v>902</v>
      </c>
      <c r="G242" s="17" t="s">
        <v>882</v>
      </c>
      <c r="H242" s="20">
        <v>2</v>
      </c>
      <c r="I242" s="18">
        <v>0</v>
      </c>
      <c r="J242" s="34" t="s">
        <v>903</v>
      </c>
    </row>
    <row r="243" spans="2:10" ht="39.75" customHeight="1" x14ac:dyDescent="0.2">
      <c r="B243" s="24"/>
      <c r="C243" s="11" t="s">
        <v>909</v>
      </c>
      <c r="D243" s="12" t="s">
        <v>1052</v>
      </c>
      <c r="E243" s="11">
        <v>141526</v>
      </c>
      <c r="F243" s="12" t="s">
        <v>1210</v>
      </c>
      <c r="G243" s="17" t="s">
        <v>882</v>
      </c>
      <c r="H243" s="20">
        <v>10</v>
      </c>
      <c r="I243" s="18">
        <v>0</v>
      </c>
      <c r="J243" s="34" t="s">
        <v>910</v>
      </c>
    </row>
    <row r="244" spans="2:10" ht="39.75" customHeight="1" x14ac:dyDescent="0.2">
      <c r="B244" s="24"/>
      <c r="C244" s="11" t="s">
        <v>895</v>
      </c>
      <c r="D244" s="12" t="s">
        <v>1052</v>
      </c>
      <c r="E244" s="11">
        <v>141526</v>
      </c>
      <c r="F244" s="12" t="s">
        <v>1365</v>
      </c>
      <c r="G244" s="17" t="s">
        <v>882</v>
      </c>
      <c r="H244" s="20">
        <v>2</v>
      </c>
      <c r="I244" s="18">
        <v>1</v>
      </c>
      <c r="J244" s="34"/>
    </row>
    <row r="245" spans="2:10" ht="39.75" customHeight="1" x14ac:dyDescent="0.2">
      <c r="B245" s="24"/>
      <c r="C245" s="11" t="s">
        <v>930</v>
      </c>
      <c r="D245" s="12" t="s">
        <v>1052</v>
      </c>
      <c r="E245" s="11">
        <v>141526</v>
      </c>
      <c r="F245" s="12" t="s">
        <v>931</v>
      </c>
      <c r="G245" s="17" t="s">
        <v>882</v>
      </c>
      <c r="H245" s="20">
        <v>1</v>
      </c>
      <c r="I245" s="18">
        <v>0</v>
      </c>
      <c r="J245" s="34"/>
    </row>
    <row r="246" spans="2:10" ht="39.75" customHeight="1" x14ac:dyDescent="0.2">
      <c r="B246" s="24"/>
      <c r="C246" s="11" t="s">
        <v>987</v>
      </c>
      <c r="D246" s="12" t="s">
        <v>1052</v>
      </c>
      <c r="E246" s="11">
        <v>141526</v>
      </c>
      <c r="F246" s="12" t="s">
        <v>1631</v>
      </c>
      <c r="G246" s="17" t="s">
        <v>882</v>
      </c>
      <c r="H246" s="20">
        <v>1</v>
      </c>
      <c r="I246" s="18">
        <v>0</v>
      </c>
      <c r="J246" s="34"/>
    </row>
    <row r="247" spans="2:10" ht="39.75" customHeight="1" x14ac:dyDescent="0.2">
      <c r="B247" s="24"/>
      <c r="C247" s="11" t="s">
        <v>883</v>
      </c>
      <c r="D247" s="12" t="s">
        <v>1052</v>
      </c>
      <c r="E247" s="11">
        <v>141526</v>
      </c>
      <c r="F247" s="12" t="s">
        <v>884</v>
      </c>
      <c r="G247" s="17" t="s">
        <v>882</v>
      </c>
      <c r="H247" s="20">
        <v>2</v>
      </c>
      <c r="I247" s="18">
        <v>0</v>
      </c>
      <c r="J247" s="34"/>
    </row>
    <row r="248" spans="2:10" ht="39.75" customHeight="1" x14ac:dyDescent="0.2">
      <c r="B248" s="24"/>
      <c r="C248" s="11" t="s">
        <v>897</v>
      </c>
      <c r="D248" s="12" t="s">
        <v>1052</v>
      </c>
      <c r="E248" s="11">
        <v>141526</v>
      </c>
      <c r="F248" s="12" t="s">
        <v>898</v>
      </c>
      <c r="G248" s="17" t="s">
        <v>882</v>
      </c>
      <c r="H248" s="20">
        <v>1</v>
      </c>
      <c r="I248" s="18">
        <v>1</v>
      </c>
      <c r="J248" s="34"/>
    </row>
    <row r="249" spans="2:10" ht="39.75" customHeight="1" x14ac:dyDescent="0.2">
      <c r="B249" s="24"/>
      <c r="C249" s="11" t="s">
        <v>110</v>
      </c>
      <c r="D249" s="12" t="s">
        <v>1052</v>
      </c>
      <c r="E249" s="11">
        <v>141526</v>
      </c>
      <c r="F249" s="12" t="s">
        <v>1632</v>
      </c>
      <c r="G249" s="13" t="s">
        <v>390</v>
      </c>
      <c r="H249" s="20">
        <v>1</v>
      </c>
      <c r="I249" s="18">
        <v>0</v>
      </c>
      <c r="J249" s="34"/>
    </row>
    <row r="250" spans="2:10" ht="39.75" customHeight="1" x14ac:dyDescent="0.2">
      <c r="B250" s="24"/>
      <c r="C250" s="11" t="s">
        <v>310</v>
      </c>
      <c r="D250" s="12" t="s">
        <v>1052</v>
      </c>
      <c r="E250" s="11">
        <v>141526</v>
      </c>
      <c r="F250" s="12" t="s">
        <v>379</v>
      </c>
      <c r="G250" s="13" t="s">
        <v>390</v>
      </c>
      <c r="H250" s="20">
        <v>1</v>
      </c>
      <c r="I250" s="18">
        <v>0</v>
      </c>
      <c r="J250" s="34"/>
    </row>
    <row r="251" spans="2:10" ht="39.75" customHeight="1" x14ac:dyDescent="0.2">
      <c r="B251" s="24"/>
      <c r="C251" s="11" t="s">
        <v>890</v>
      </c>
      <c r="D251" s="12" t="s">
        <v>1052</v>
      </c>
      <c r="E251" s="11">
        <v>141526</v>
      </c>
      <c r="F251" s="12" t="s">
        <v>1301</v>
      </c>
      <c r="G251" s="17" t="s">
        <v>882</v>
      </c>
      <c r="H251" s="20">
        <v>1</v>
      </c>
      <c r="I251" s="18">
        <v>0</v>
      </c>
      <c r="J251" s="34"/>
    </row>
    <row r="252" spans="2:10" ht="39.75" customHeight="1" x14ac:dyDescent="0.2">
      <c r="B252" s="24"/>
      <c r="C252" s="11" t="s">
        <v>920</v>
      </c>
      <c r="D252" s="12" t="s">
        <v>1052</v>
      </c>
      <c r="E252" s="11">
        <v>141526</v>
      </c>
      <c r="F252" s="12" t="s">
        <v>1454</v>
      </c>
      <c r="G252" s="17" t="s">
        <v>882</v>
      </c>
      <c r="H252" s="20">
        <v>0</v>
      </c>
      <c r="I252" s="18">
        <v>4</v>
      </c>
      <c r="J252" s="34" t="s">
        <v>921</v>
      </c>
    </row>
    <row r="253" spans="2:10" ht="39.75" customHeight="1" x14ac:dyDescent="0.2">
      <c r="B253" s="24"/>
      <c r="C253" s="11" t="s">
        <v>896</v>
      </c>
      <c r="D253" s="12" t="s">
        <v>1052</v>
      </c>
      <c r="E253" s="11">
        <v>141526</v>
      </c>
      <c r="F253" s="12" t="s">
        <v>1539</v>
      </c>
      <c r="G253" s="17" t="s">
        <v>882</v>
      </c>
      <c r="H253" s="20">
        <v>1</v>
      </c>
      <c r="I253" s="18">
        <v>0</v>
      </c>
      <c r="J253" s="34"/>
    </row>
    <row r="254" spans="2:10" ht="39.75" customHeight="1" x14ac:dyDescent="0.2">
      <c r="B254" s="24"/>
      <c r="C254" s="11" t="s">
        <v>996</v>
      </c>
      <c r="D254" s="12" t="s">
        <v>1052</v>
      </c>
      <c r="E254" s="11">
        <v>141526</v>
      </c>
      <c r="F254" s="12" t="s">
        <v>997</v>
      </c>
      <c r="G254" s="17" t="s">
        <v>882</v>
      </c>
      <c r="H254" s="20">
        <v>3</v>
      </c>
      <c r="I254" s="18">
        <v>0</v>
      </c>
      <c r="J254" s="34"/>
    </row>
    <row r="255" spans="2:10" ht="39.75" customHeight="1" x14ac:dyDescent="0.2">
      <c r="B255" s="24"/>
      <c r="C255" s="11" t="s">
        <v>926</v>
      </c>
      <c r="D255" s="12" t="s">
        <v>1052</v>
      </c>
      <c r="E255" s="11">
        <v>141526</v>
      </c>
      <c r="F255" s="12" t="s">
        <v>1302</v>
      </c>
      <c r="G255" s="17" t="s">
        <v>882</v>
      </c>
      <c r="H255" s="20">
        <v>1</v>
      </c>
      <c r="I255" s="18">
        <v>0</v>
      </c>
      <c r="J255" s="34"/>
    </row>
    <row r="256" spans="2:10" ht="39.75" customHeight="1" x14ac:dyDescent="0.2">
      <c r="B256" s="24"/>
      <c r="C256" s="11" t="s">
        <v>1025</v>
      </c>
      <c r="D256" s="12" t="s">
        <v>1052</v>
      </c>
      <c r="E256" s="11">
        <v>141526</v>
      </c>
      <c r="F256" s="12" t="s">
        <v>1366</v>
      </c>
      <c r="G256" s="17" t="s">
        <v>882</v>
      </c>
      <c r="H256" s="20">
        <v>1</v>
      </c>
      <c r="I256" s="18">
        <v>1</v>
      </c>
      <c r="J256" s="34"/>
    </row>
    <row r="257" spans="2:10" ht="39.75" customHeight="1" x14ac:dyDescent="0.2">
      <c r="B257" s="24"/>
      <c r="C257" s="11" t="s">
        <v>974</v>
      </c>
      <c r="D257" s="12" t="s">
        <v>1052</v>
      </c>
      <c r="E257" s="11">
        <v>141526</v>
      </c>
      <c r="F257" s="12" t="s">
        <v>1103</v>
      </c>
      <c r="G257" s="17" t="s">
        <v>882</v>
      </c>
      <c r="H257" s="20">
        <v>1</v>
      </c>
      <c r="I257" s="18">
        <v>0</v>
      </c>
      <c r="J257" s="34"/>
    </row>
    <row r="258" spans="2:10" ht="39.75" customHeight="1" x14ac:dyDescent="0.2">
      <c r="B258" s="24"/>
      <c r="C258" s="11" t="s">
        <v>976</v>
      </c>
      <c r="D258" s="12" t="s">
        <v>1052</v>
      </c>
      <c r="E258" s="11">
        <v>141526</v>
      </c>
      <c r="F258" s="12" t="s">
        <v>1105</v>
      </c>
      <c r="G258" s="17" t="s">
        <v>882</v>
      </c>
      <c r="H258" s="20">
        <v>2</v>
      </c>
      <c r="I258" s="18">
        <v>0</v>
      </c>
      <c r="J258" s="34"/>
    </row>
    <row r="259" spans="2:10" ht="39.75" customHeight="1" x14ac:dyDescent="0.2">
      <c r="B259" s="24"/>
      <c r="C259" s="11" t="s">
        <v>978</v>
      </c>
      <c r="D259" s="12" t="s">
        <v>1052</v>
      </c>
      <c r="E259" s="11">
        <v>141526</v>
      </c>
      <c r="F259" s="12" t="s">
        <v>1107</v>
      </c>
      <c r="G259" s="17" t="s">
        <v>882</v>
      </c>
      <c r="H259" s="20">
        <v>1</v>
      </c>
      <c r="I259" s="18">
        <v>0</v>
      </c>
      <c r="J259" s="34"/>
    </row>
    <row r="260" spans="2:10" ht="39.75" customHeight="1" x14ac:dyDescent="0.2">
      <c r="B260" s="24"/>
      <c r="C260" s="11" t="s">
        <v>975</v>
      </c>
      <c r="D260" s="12" t="s">
        <v>1052</v>
      </c>
      <c r="E260" s="11">
        <v>141526</v>
      </c>
      <c r="F260" s="12" t="s">
        <v>1104</v>
      </c>
      <c r="G260" s="17" t="s">
        <v>882</v>
      </c>
      <c r="H260" s="20">
        <v>1</v>
      </c>
      <c r="I260" s="18">
        <v>0</v>
      </c>
      <c r="J260" s="34"/>
    </row>
    <row r="261" spans="2:10" ht="39.75" customHeight="1" x14ac:dyDescent="0.2">
      <c r="B261" s="24"/>
      <c r="C261" s="11" t="s">
        <v>977</v>
      </c>
      <c r="D261" s="12" t="s">
        <v>1052</v>
      </c>
      <c r="E261" s="11">
        <v>141526</v>
      </c>
      <c r="F261" s="12" t="s">
        <v>1106</v>
      </c>
      <c r="G261" s="17" t="s">
        <v>882</v>
      </c>
      <c r="H261" s="20">
        <v>1</v>
      </c>
      <c r="I261" s="18">
        <v>0</v>
      </c>
      <c r="J261" s="34"/>
    </row>
    <row r="262" spans="2:10" ht="39.75" customHeight="1" x14ac:dyDescent="0.2">
      <c r="B262" s="24"/>
      <c r="C262" s="11" t="s">
        <v>961</v>
      </c>
      <c r="D262" s="12" t="s">
        <v>1052</v>
      </c>
      <c r="E262" s="11">
        <v>141526</v>
      </c>
      <c r="F262" s="12" t="s">
        <v>1633</v>
      </c>
      <c r="G262" s="17" t="s">
        <v>882</v>
      </c>
      <c r="H262" s="20">
        <v>1</v>
      </c>
      <c r="I262" s="18">
        <v>0</v>
      </c>
      <c r="J262" s="34"/>
    </row>
    <row r="263" spans="2:10" ht="39.75" customHeight="1" x14ac:dyDescent="0.2">
      <c r="B263" s="24"/>
      <c r="C263" s="11" t="s">
        <v>960</v>
      </c>
      <c r="D263" s="12" t="s">
        <v>1052</v>
      </c>
      <c r="E263" s="11">
        <v>141526</v>
      </c>
      <c r="F263" s="12" t="s">
        <v>1745</v>
      </c>
      <c r="G263" s="17" t="s">
        <v>882</v>
      </c>
      <c r="H263" s="20">
        <v>1</v>
      </c>
      <c r="I263" s="18">
        <v>0</v>
      </c>
      <c r="J263" s="34"/>
    </row>
    <row r="264" spans="2:10" ht="39.75" customHeight="1" x14ac:dyDescent="0.2">
      <c r="B264" s="24"/>
      <c r="C264" s="11" t="s">
        <v>941</v>
      </c>
      <c r="D264" s="12" t="s">
        <v>1052</v>
      </c>
      <c r="E264" s="11">
        <v>141526</v>
      </c>
      <c r="F264" s="12" t="s">
        <v>1367</v>
      </c>
      <c r="G264" s="17" t="s">
        <v>882</v>
      </c>
      <c r="H264" s="20">
        <v>7</v>
      </c>
      <c r="I264" s="18">
        <v>0</v>
      </c>
      <c r="J264" s="34"/>
    </row>
    <row r="265" spans="2:10" ht="39.75" customHeight="1" x14ac:dyDescent="0.2">
      <c r="B265" s="24"/>
      <c r="C265" s="11" t="s">
        <v>256</v>
      </c>
      <c r="D265" s="12" t="s">
        <v>1052</v>
      </c>
      <c r="E265" s="11">
        <v>141526</v>
      </c>
      <c r="F265" s="12" t="s">
        <v>1455</v>
      </c>
      <c r="G265" s="13" t="s">
        <v>390</v>
      </c>
      <c r="H265" s="20">
        <v>1</v>
      </c>
      <c r="I265" s="18">
        <v>0</v>
      </c>
      <c r="J265" s="33" t="s">
        <v>2080</v>
      </c>
    </row>
    <row r="266" spans="2:10" ht="39.75" customHeight="1" x14ac:dyDescent="0.2">
      <c r="B266" s="24"/>
      <c r="C266" s="11" t="s">
        <v>949</v>
      </c>
      <c r="D266" s="12" t="s">
        <v>1052</v>
      </c>
      <c r="E266" s="11">
        <v>141526</v>
      </c>
      <c r="F266" s="12" t="s">
        <v>1368</v>
      </c>
      <c r="G266" s="17" t="s">
        <v>882</v>
      </c>
      <c r="H266" s="20">
        <v>2</v>
      </c>
      <c r="I266" s="18">
        <v>0</v>
      </c>
      <c r="J266" s="34"/>
    </row>
    <row r="267" spans="2:10" ht="39.75" customHeight="1" x14ac:dyDescent="0.2">
      <c r="B267" s="24"/>
      <c r="C267" s="11" t="s">
        <v>942</v>
      </c>
      <c r="D267" s="12" t="s">
        <v>1052</v>
      </c>
      <c r="E267" s="11">
        <v>141526</v>
      </c>
      <c r="F267" s="12" t="s">
        <v>943</v>
      </c>
      <c r="G267" s="17" t="s">
        <v>882</v>
      </c>
      <c r="H267" s="20">
        <v>6</v>
      </c>
      <c r="I267" s="18">
        <v>0</v>
      </c>
      <c r="J267" s="34"/>
    </row>
    <row r="268" spans="2:10" ht="39.75" customHeight="1" x14ac:dyDescent="0.2">
      <c r="B268" s="24"/>
      <c r="C268" s="11" t="s">
        <v>944</v>
      </c>
      <c r="D268" s="12" t="s">
        <v>1052</v>
      </c>
      <c r="E268" s="11">
        <v>141526</v>
      </c>
      <c r="F268" s="12" t="s">
        <v>1303</v>
      </c>
      <c r="G268" s="17" t="s">
        <v>882</v>
      </c>
      <c r="H268" s="20">
        <v>2</v>
      </c>
      <c r="I268" s="18">
        <v>0</v>
      </c>
      <c r="J268" s="34"/>
    </row>
    <row r="269" spans="2:10" ht="39.75" customHeight="1" x14ac:dyDescent="0.2">
      <c r="B269" s="24"/>
      <c r="C269" s="11" t="s">
        <v>213</v>
      </c>
      <c r="D269" s="12" t="s">
        <v>1052</v>
      </c>
      <c r="E269" s="11">
        <v>141526</v>
      </c>
      <c r="F269" s="12" t="s">
        <v>1746</v>
      </c>
      <c r="G269" s="13" t="s">
        <v>390</v>
      </c>
      <c r="H269" s="20">
        <v>2</v>
      </c>
      <c r="I269" s="18">
        <v>0</v>
      </c>
      <c r="J269" s="34"/>
    </row>
    <row r="270" spans="2:10" ht="39.75" customHeight="1" x14ac:dyDescent="0.2">
      <c r="B270" s="24"/>
      <c r="C270" s="11" t="s">
        <v>210</v>
      </c>
      <c r="D270" s="12" t="s">
        <v>1052</v>
      </c>
      <c r="E270" s="11">
        <v>141526</v>
      </c>
      <c r="F270" s="12" t="s">
        <v>1456</v>
      </c>
      <c r="G270" s="13" t="s">
        <v>390</v>
      </c>
      <c r="H270" s="20">
        <v>1</v>
      </c>
      <c r="I270" s="18">
        <v>0</v>
      </c>
      <c r="J270" s="34"/>
    </row>
    <row r="271" spans="2:10" ht="39.75" customHeight="1" x14ac:dyDescent="0.2">
      <c r="B271" s="24"/>
      <c r="C271" s="11" t="s">
        <v>954</v>
      </c>
      <c r="D271" s="12" t="s">
        <v>1052</v>
      </c>
      <c r="E271" s="11">
        <v>141526</v>
      </c>
      <c r="F271" s="12" t="s">
        <v>1369</v>
      </c>
      <c r="G271" s="17" t="s">
        <v>882</v>
      </c>
      <c r="H271" s="20">
        <v>2</v>
      </c>
      <c r="I271" s="18">
        <v>0</v>
      </c>
      <c r="J271" s="34"/>
    </row>
    <row r="272" spans="2:10" ht="39.75" customHeight="1" x14ac:dyDescent="0.2">
      <c r="B272" s="24"/>
      <c r="C272" s="11" t="s">
        <v>1001</v>
      </c>
      <c r="D272" s="12" t="s">
        <v>1052</v>
      </c>
      <c r="E272" s="11">
        <v>141526</v>
      </c>
      <c r="F272" s="12" t="s">
        <v>1370</v>
      </c>
      <c r="G272" s="17" t="s">
        <v>882</v>
      </c>
      <c r="H272" s="20">
        <v>5</v>
      </c>
      <c r="I272" s="18">
        <v>2</v>
      </c>
      <c r="J272" s="34"/>
    </row>
    <row r="273" spans="2:10" ht="39.75" customHeight="1" x14ac:dyDescent="0.2">
      <c r="B273" s="24"/>
      <c r="C273" s="11" t="s">
        <v>1002</v>
      </c>
      <c r="D273" s="12" t="s">
        <v>1052</v>
      </c>
      <c r="E273" s="11">
        <v>141526</v>
      </c>
      <c r="F273" s="12" t="s">
        <v>1248</v>
      </c>
      <c r="G273" s="17" t="s">
        <v>882</v>
      </c>
      <c r="H273" s="20">
        <v>4</v>
      </c>
      <c r="I273" s="18">
        <v>2</v>
      </c>
      <c r="J273" s="34"/>
    </row>
    <row r="274" spans="2:10" ht="39.75" customHeight="1" x14ac:dyDescent="0.2">
      <c r="B274" s="24"/>
      <c r="C274" s="11" t="s">
        <v>935</v>
      </c>
      <c r="D274" s="12" t="s">
        <v>1052</v>
      </c>
      <c r="E274" s="11">
        <v>141526</v>
      </c>
      <c r="F274" s="12" t="s">
        <v>936</v>
      </c>
      <c r="G274" s="17" t="s">
        <v>882</v>
      </c>
      <c r="H274" s="20">
        <v>1</v>
      </c>
      <c r="I274" s="18">
        <v>0</v>
      </c>
      <c r="J274" s="34"/>
    </row>
    <row r="275" spans="2:10" ht="39.75" customHeight="1" x14ac:dyDescent="0.2">
      <c r="B275" s="24"/>
      <c r="C275" s="11" t="s">
        <v>217</v>
      </c>
      <c r="D275" s="12" t="s">
        <v>1052</v>
      </c>
      <c r="E275" s="11">
        <v>141526</v>
      </c>
      <c r="F275" s="12" t="s">
        <v>1634</v>
      </c>
      <c r="G275" s="13" t="s">
        <v>390</v>
      </c>
      <c r="H275" s="20">
        <v>1</v>
      </c>
      <c r="I275" s="18">
        <v>0</v>
      </c>
      <c r="J275" s="34"/>
    </row>
    <row r="276" spans="2:10" ht="39.75" customHeight="1" x14ac:dyDescent="0.2">
      <c r="B276" s="24"/>
      <c r="C276" s="11" t="s">
        <v>953</v>
      </c>
      <c r="D276" s="12" t="s">
        <v>1052</v>
      </c>
      <c r="E276" s="11">
        <v>141526</v>
      </c>
      <c r="F276" s="12" t="s">
        <v>1304</v>
      </c>
      <c r="G276" s="17" t="s">
        <v>882</v>
      </c>
      <c r="H276" s="20">
        <v>1</v>
      </c>
      <c r="I276" s="18">
        <v>0</v>
      </c>
      <c r="J276" s="34"/>
    </row>
    <row r="277" spans="2:10" ht="39.75" customHeight="1" x14ac:dyDescent="0.2">
      <c r="B277" s="24"/>
      <c r="C277" s="11" t="s">
        <v>952</v>
      </c>
      <c r="D277" s="12" t="s">
        <v>1052</v>
      </c>
      <c r="E277" s="11">
        <v>141526</v>
      </c>
      <c r="F277" s="12" t="s">
        <v>1249</v>
      </c>
      <c r="G277" s="17" t="s">
        <v>882</v>
      </c>
      <c r="H277" s="20">
        <v>2</v>
      </c>
      <c r="I277" s="18">
        <v>0</v>
      </c>
      <c r="J277" s="34"/>
    </row>
    <row r="278" spans="2:10" ht="39.75" customHeight="1" x14ac:dyDescent="0.2">
      <c r="B278" s="24"/>
      <c r="C278" s="11" t="s">
        <v>1003</v>
      </c>
      <c r="D278" s="12" t="s">
        <v>1052</v>
      </c>
      <c r="E278" s="11">
        <v>141526</v>
      </c>
      <c r="F278" s="12" t="s">
        <v>1371</v>
      </c>
      <c r="G278" s="17" t="s">
        <v>882</v>
      </c>
      <c r="H278" s="20">
        <v>1</v>
      </c>
      <c r="I278" s="18">
        <v>2</v>
      </c>
      <c r="J278" s="34"/>
    </row>
    <row r="279" spans="2:10" ht="39.75" customHeight="1" x14ac:dyDescent="0.2">
      <c r="B279" s="24"/>
      <c r="C279" s="11" t="s">
        <v>1004</v>
      </c>
      <c r="D279" s="12" t="s">
        <v>1052</v>
      </c>
      <c r="E279" s="11">
        <v>141526</v>
      </c>
      <c r="F279" s="12" t="s">
        <v>1457</v>
      </c>
      <c r="G279" s="17" t="s">
        <v>882</v>
      </c>
      <c r="H279" s="20">
        <v>6</v>
      </c>
      <c r="I279" s="18">
        <v>2</v>
      </c>
      <c r="J279" s="34"/>
    </row>
    <row r="280" spans="2:10" ht="39.75" customHeight="1" x14ac:dyDescent="0.2">
      <c r="B280" s="24"/>
      <c r="C280" s="11" t="s">
        <v>947</v>
      </c>
      <c r="D280" s="12" t="s">
        <v>1052</v>
      </c>
      <c r="E280" s="11">
        <v>141526</v>
      </c>
      <c r="F280" s="12" t="s">
        <v>1250</v>
      </c>
      <c r="G280" s="17" t="s">
        <v>882</v>
      </c>
      <c r="H280" s="20">
        <v>8</v>
      </c>
      <c r="I280" s="18">
        <v>0</v>
      </c>
      <c r="J280" s="34"/>
    </row>
    <row r="281" spans="2:10" ht="39.75" customHeight="1" x14ac:dyDescent="0.2">
      <c r="B281" s="24"/>
      <c r="C281" s="11" t="s">
        <v>216</v>
      </c>
      <c r="D281" s="12" t="s">
        <v>1052</v>
      </c>
      <c r="E281" s="11">
        <v>141526</v>
      </c>
      <c r="F281" s="12" t="s">
        <v>1124</v>
      </c>
      <c r="G281" s="13" t="s">
        <v>390</v>
      </c>
      <c r="H281" s="20">
        <v>3</v>
      </c>
      <c r="I281" s="18">
        <v>1</v>
      </c>
      <c r="J281" s="34"/>
    </row>
    <row r="282" spans="2:10" ht="39.75" customHeight="1" x14ac:dyDescent="0.2">
      <c r="B282" s="24"/>
      <c r="C282" s="11" t="s">
        <v>211</v>
      </c>
      <c r="D282" s="12" t="s">
        <v>1052</v>
      </c>
      <c r="E282" s="11">
        <v>141534</v>
      </c>
      <c r="F282" s="12" t="s">
        <v>1185</v>
      </c>
      <c r="G282" s="13" t="s">
        <v>390</v>
      </c>
      <c r="H282" s="20">
        <v>2</v>
      </c>
      <c r="I282" s="18">
        <v>0</v>
      </c>
      <c r="J282" s="34"/>
    </row>
    <row r="283" spans="2:10" ht="39.75" customHeight="1" x14ac:dyDescent="0.2">
      <c r="B283" s="24"/>
      <c r="C283" s="11" t="s">
        <v>904</v>
      </c>
      <c r="D283" s="12" t="s">
        <v>1052</v>
      </c>
      <c r="E283" s="11">
        <v>141534</v>
      </c>
      <c r="F283" s="12" t="s">
        <v>905</v>
      </c>
      <c r="G283" s="17" t="s">
        <v>882</v>
      </c>
      <c r="H283" s="20">
        <v>2</v>
      </c>
      <c r="I283" s="18">
        <v>0</v>
      </c>
      <c r="J283" s="34"/>
    </row>
    <row r="284" spans="2:10" ht="39.75" customHeight="1" x14ac:dyDescent="0.2">
      <c r="B284" s="24"/>
      <c r="C284" s="11" t="s">
        <v>906</v>
      </c>
      <c r="D284" s="12" t="s">
        <v>1052</v>
      </c>
      <c r="E284" s="11">
        <v>141534</v>
      </c>
      <c r="F284" s="12" t="s">
        <v>905</v>
      </c>
      <c r="G284" s="17" t="s">
        <v>882</v>
      </c>
      <c r="H284" s="20">
        <v>2</v>
      </c>
      <c r="I284" s="18">
        <v>0</v>
      </c>
      <c r="J284" s="34"/>
    </row>
    <row r="285" spans="2:10" ht="39.75" customHeight="1" x14ac:dyDescent="0.2">
      <c r="B285" s="24"/>
      <c r="C285" s="11" t="s">
        <v>972</v>
      </c>
      <c r="D285" s="12" t="s">
        <v>1052</v>
      </c>
      <c r="E285" s="11">
        <v>141534</v>
      </c>
      <c r="F285" s="12" t="s">
        <v>1372</v>
      </c>
      <c r="G285" s="17" t="s">
        <v>882</v>
      </c>
      <c r="H285" s="20">
        <v>1</v>
      </c>
      <c r="I285" s="18">
        <v>0</v>
      </c>
      <c r="J285" s="34"/>
    </row>
    <row r="286" spans="2:10" ht="39.75" customHeight="1" x14ac:dyDescent="0.2">
      <c r="B286" s="24"/>
      <c r="C286" s="11" t="s">
        <v>966</v>
      </c>
      <c r="D286" s="12" t="s">
        <v>1052</v>
      </c>
      <c r="E286" s="11">
        <v>141534</v>
      </c>
      <c r="F286" s="12" t="s">
        <v>1635</v>
      </c>
      <c r="G286" s="17" t="s">
        <v>882</v>
      </c>
      <c r="H286" s="20">
        <v>5</v>
      </c>
      <c r="I286" s="18">
        <v>0</v>
      </c>
      <c r="J286" s="34" t="s">
        <v>967</v>
      </c>
    </row>
    <row r="287" spans="2:10" ht="39.75" customHeight="1" x14ac:dyDescent="0.2">
      <c r="B287" s="24"/>
      <c r="C287" s="11" t="s">
        <v>998</v>
      </c>
      <c r="D287" s="12" t="s">
        <v>1052</v>
      </c>
      <c r="E287" s="11">
        <v>141534</v>
      </c>
      <c r="F287" s="12" t="s">
        <v>1636</v>
      </c>
      <c r="G287" s="17" t="s">
        <v>882</v>
      </c>
      <c r="H287" s="20">
        <v>3</v>
      </c>
      <c r="I287" s="18">
        <v>0</v>
      </c>
      <c r="J287" s="34"/>
    </row>
    <row r="288" spans="2:10" ht="39.75" customHeight="1" x14ac:dyDescent="0.2">
      <c r="B288" s="24"/>
      <c r="C288" s="11" t="s">
        <v>53</v>
      </c>
      <c r="D288" s="12" t="s">
        <v>1052</v>
      </c>
      <c r="E288" s="11">
        <v>141534</v>
      </c>
      <c r="F288" s="12" t="s">
        <v>1637</v>
      </c>
      <c r="G288" s="13" t="s">
        <v>390</v>
      </c>
      <c r="H288" s="20">
        <v>2</v>
      </c>
      <c r="I288" s="18">
        <v>0</v>
      </c>
      <c r="J288" s="34"/>
    </row>
    <row r="289" spans="2:10" ht="39.75" customHeight="1" x14ac:dyDescent="0.2">
      <c r="B289" s="24"/>
      <c r="C289" s="11" t="s">
        <v>1023</v>
      </c>
      <c r="D289" s="12" t="s">
        <v>1052</v>
      </c>
      <c r="E289" s="11">
        <v>141534</v>
      </c>
      <c r="F289" s="12" t="s">
        <v>1305</v>
      </c>
      <c r="G289" s="17" t="s">
        <v>882</v>
      </c>
      <c r="H289" s="20">
        <v>1</v>
      </c>
      <c r="I289" s="18">
        <v>0</v>
      </c>
      <c r="J289" s="34"/>
    </row>
    <row r="290" spans="2:10" ht="39.75" customHeight="1" x14ac:dyDescent="0.2">
      <c r="B290" s="24"/>
      <c r="C290" s="11" t="s">
        <v>990</v>
      </c>
      <c r="D290" s="12" t="s">
        <v>1052</v>
      </c>
      <c r="E290" s="11">
        <v>141534</v>
      </c>
      <c r="F290" s="12" t="s">
        <v>1747</v>
      </c>
      <c r="G290" s="17" t="s">
        <v>882</v>
      </c>
      <c r="H290" s="20">
        <v>1</v>
      </c>
      <c r="I290" s="18">
        <v>0</v>
      </c>
      <c r="J290" s="34" t="s">
        <v>989</v>
      </c>
    </row>
    <row r="291" spans="2:10" ht="39.75" customHeight="1" x14ac:dyDescent="0.2">
      <c r="B291" s="24"/>
      <c r="C291" s="11" t="s">
        <v>1019</v>
      </c>
      <c r="D291" s="12" t="s">
        <v>1052</v>
      </c>
      <c r="E291" s="11">
        <v>141534</v>
      </c>
      <c r="F291" s="12" t="s">
        <v>1088</v>
      </c>
      <c r="G291" s="17" t="s">
        <v>882</v>
      </c>
      <c r="H291" s="20">
        <v>1</v>
      </c>
      <c r="I291" s="18">
        <v>0</v>
      </c>
      <c r="J291" s="34"/>
    </row>
    <row r="292" spans="2:10" ht="39.75" customHeight="1" x14ac:dyDescent="0.2">
      <c r="B292" s="24"/>
      <c r="C292" s="11" t="s">
        <v>891</v>
      </c>
      <c r="D292" s="12" t="s">
        <v>1052</v>
      </c>
      <c r="E292" s="11">
        <v>141534</v>
      </c>
      <c r="F292" s="12" t="s">
        <v>1458</v>
      </c>
      <c r="G292" s="17" t="s">
        <v>882</v>
      </c>
      <c r="H292" s="20">
        <v>2</v>
      </c>
      <c r="I292" s="18">
        <v>2</v>
      </c>
      <c r="J292" s="34"/>
    </row>
    <row r="293" spans="2:10" ht="39.75" customHeight="1" x14ac:dyDescent="0.2">
      <c r="B293" s="24"/>
      <c r="C293" s="11" t="s">
        <v>311</v>
      </c>
      <c r="D293" s="12" t="s">
        <v>1052</v>
      </c>
      <c r="E293" s="11">
        <v>141534</v>
      </c>
      <c r="F293" s="12" t="s">
        <v>1748</v>
      </c>
      <c r="G293" s="13" t="s">
        <v>390</v>
      </c>
      <c r="H293" s="20">
        <v>0</v>
      </c>
      <c r="I293" s="18">
        <v>1</v>
      </c>
      <c r="J293" s="34"/>
    </row>
    <row r="294" spans="2:10" ht="39.75" customHeight="1" x14ac:dyDescent="0.2">
      <c r="B294" s="24"/>
      <c r="C294" s="11" t="s">
        <v>917</v>
      </c>
      <c r="D294" s="12" t="s">
        <v>1052</v>
      </c>
      <c r="E294" s="11">
        <v>141534</v>
      </c>
      <c r="F294" s="12" t="s">
        <v>1251</v>
      </c>
      <c r="G294" s="17" t="s">
        <v>882</v>
      </c>
      <c r="H294" s="20">
        <v>24</v>
      </c>
      <c r="I294" s="18">
        <v>0</v>
      </c>
      <c r="J294" s="34" t="s">
        <v>918</v>
      </c>
    </row>
    <row r="295" spans="2:10" ht="39.75" customHeight="1" x14ac:dyDescent="0.2">
      <c r="B295" s="24"/>
      <c r="C295" s="11" t="s">
        <v>907</v>
      </c>
      <c r="D295" s="12" t="s">
        <v>1052</v>
      </c>
      <c r="E295" s="11">
        <v>141534</v>
      </c>
      <c r="F295" s="12" t="s">
        <v>1306</v>
      </c>
      <c r="G295" s="17" t="s">
        <v>882</v>
      </c>
      <c r="H295" s="20">
        <v>8</v>
      </c>
      <c r="I295" s="18">
        <v>3</v>
      </c>
      <c r="J295" s="34" t="s">
        <v>908</v>
      </c>
    </row>
    <row r="296" spans="2:10" ht="39.75" customHeight="1" x14ac:dyDescent="0.2">
      <c r="B296" s="24"/>
      <c r="C296" s="11" t="s">
        <v>1018</v>
      </c>
      <c r="D296" s="12" t="s">
        <v>1052</v>
      </c>
      <c r="E296" s="11">
        <v>141534</v>
      </c>
      <c r="F296" s="12" t="s">
        <v>1373</v>
      </c>
      <c r="G296" s="17" t="s">
        <v>882</v>
      </c>
      <c r="H296" s="20">
        <v>2</v>
      </c>
      <c r="I296" s="18">
        <v>2</v>
      </c>
      <c r="J296" s="34"/>
    </row>
    <row r="297" spans="2:10" ht="39.75" customHeight="1" x14ac:dyDescent="0.2">
      <c r="B297" s="24"/>
      <c r="C297" s="11" t="s">
        <v>988</v>
      </c>
      <c r="D297" s="12" t="s">
        <v>1052</v>
      </c>
      <c r="E297" s="11">
        <v>141534</v>
      </c>
      <c r="F297" s="12" t="s">
        <v>1374</v>
      </c>
      <c r="G297" s="17" t="s">
        <v>882</v>
      </c>
      <c r="H297" s="20">
        <v>1</v>
      </c>
      <c r="I297" s="18">
        <v>0</v>
      </c>
      <c r="J297" s="34" t="s">
        <v>989</v>
      </c>
    </row>
    <row r="298" spans="2:10" ht="39.75" customHeight="1" x14ac:dyDescent="0.2">
      <c r="B298" s="24"/>
      <c r="C298" s="11" t="s">
        <v>899</v>
      </c>
      <c r="D298" s="12" t="s">
        <v>1052</v>
      </c>
      <c r="E298" s="11">
        <v>141534</v>
      </c>
      <c r="F298" s="12" t="s">
        <v>900</v>
      </c>
      <c r="G298" s="17" t="s">
        <v>882</v>
      </c>
      <c r="H298" s="20">
        <v>4</v>
      </c>
      <c r="I298" s="18">
        <v>0</v>
      </c>
      <c r="J298" s="34"/>
    </row>
    <row r="299" spans="2:10" ht="39.75" customHeight="1" x14ac:dyDescent="0.2">
      <c r="B299" s="24"/>
      <c r="C299" s="11" t="s">
        <v>1022</v>
      </c>
      <c r="D299" s="12" t="s">
        <v>1052</v>
      </c>
      <c r="E299" s="11">
        <v>141534</v>
      </c>
      <c r="F299" s="12" t="s">
        <v>1375</v>
      </c>
      <c r="G299" s="17" t="s">
        <v>882</v>
      </c>
      <c r="H299" s="20">
        <v>0</v>
      </c>
      <c r="I299" s="18">
        <v>1</v>
      </c>
      <c r="J299" s="34"/>
    </row>
    <row r="300" spans="2:10" ht="39.75" customHeight="1" x14ac:dyDescent="0.2">
      <c r="B300" s="24"/>
      <c r="C300" s="11" t="s">
        <v>64</v>
      </c>
      <c r="D300" s="12" t="s">
        <v>1052</v>
      </c>
      <c r="E300" s="11">
        <v>141534</v>
      </c>
      <c r="F300" s="12" t="s">
        <v>1252</v>
      </c>
      <c r="G300" s="13" t="s">
        <v>390</v>
      </c>
      <c r="H300" s="20">
        <v>4</v>
      </c>
      <c r="I300" s="18">
        <v>0</v>
      </c>
      <c r="J300" s="34"/>
    </row>
    <row r="301" spans="2:10" ht="39.75" customHeight="1" x14ac:dyDescent="0.2">
      <c r="B301" s="24"/>
      <c r="C301" s="11" t="s">
        <v>995</v>
      </c>
      <c r="D301" s="12" t="s">
        <v>1052</v>
      </c>
      <c r="E301" s="11">
        <v>141534</v>
      </c>
      <c r="F301" s="12" t="s">
        <v>1749</v>
      </c>
      <c r="G301" s="17" t="s">
        <v>882</v>
      </c>
      <c r="H301" s="20">
        <v>10</v>
      </c>
      <c r="I301" s="18">
        <v>0</v>
      </c>
      <c r="J301" s="34"/>
    </row>
    <row r="302" spans="2:10" ht="39.75" customHeight="1" x14ac:dyDescent="0.2">
      <c r="B302" s="24"/>
      <c r="C302" s="11" t="s">
        <v>1020</v>
      </c>
      <c r="D302" s="12" t="s">
        <v>1052</v>
      </c>
      <c r="E302" s="11">
        <v>141534</v>
      </c>
      <c r="F302" s="12" t="s">
        <v>1750</v>
      </c>
      <c r="G302" s="17" t="s">
        <v>882</v>
      </c>
      <c r="H302" s="20">
        <v>1</v>
      </c>
      <c r="I302" s="18">
        <v>0</v>
      </c>
      <c r="J302" s="34"/>
    </row>
    <row r="303" spans="2:10" ht="39.75" customHeight="1" x14ac:dyDescent="0.2">
      <c r="B303" s="24"/>
      <c r="C303" s="11" t="s">
        <v>103</v>
      </c>
      <c r="D303" s="12" t="s">
        <v>1052</v>
      </c>
      <c r="E303" s="11">
        <v>141534</v>
      </c>
      <c r="F303" s="12" t="s">
        <v>339</v>
      </c>
      <c r="G303" s="13" t="s">
        <v>390</v>
      </c>
      <c r="H303" s="20">
        <v>8</v>
      </c>
      <c r="I303" s="18">
        <v>3</v>
      </c>
      <c r="J303" s="34"/>
    </row>
    <row r="304" spans="2:10" ht="39.75" customHeight="1" x14ac:dyDescent="0.2">
      <c r="B304" s="24"/>
      <c r="C304" s="11" t="s">
        <v>924</v>
      </c>
      <c r="D304" s="12" t="s">
        <v>1052</v>
      </c>
      <c r="E304" s="11">
        <v>141534</v>
      </c>
      <c r="F304" s="12" t="s">
        <v>1638</v>
      </c>
      <c r="G304" s="17" t="s">
        <v>882</v>
      </c>
      <c r="H304" s="20">
        <v>3</v>
      </c>
      <c r="I304" s="18">
        <v>2</v>
      </c>
      <c r="J304" s="34"/>
    </row>
    <row r="305" spans="2:10" ht="39.75" customHeight="1" x14ac:dyDescent="0.2">
      <c r="B305" s="24"/>
      <c r="C305" s="11" t="s">
        <v>970</v>
      </c>
      <c r="D305" s="12" t="s">
        <v>1052</v>
      </c>
      <c r="E305" s="11">
        <v>141534</v>
      </c>
      <c r="F305" s="12" t="s">
        <v>1540</v>
      </c>
      <c r="G305" s="17" t="s">
        <v>882</v>
      </c>
      <c r="H305" s="20">
        <v>1</v>
      </c>
      <c r="I305" s="18">
        <v>0</v>
      </c>
      <c r="J305" s="34"/>
    </row>
    <row r="306" spans="2:10" ht="39.75" customHeight="1" x14ac:dyDescent="0.2">
      <c r="B306" s="24"/>
      <c r="C306" s="11" t="s">
        <v>1024</v>
      </c>
      <c r="D306" s="12" t="s">
        <v>1052</v>
      </c>
      <c r="E306" s="11">
        <v>141534</v>
      </c>
      <c r="F306" s="12" t="s">
        <v>1186</v>
      </c>
      <c r="G306" s="17" t="s">
        <v>882</v>
      </c>
      <c r="H306" s="20">
        <v>1</v>
      </c>
      <c r="I306" s="18">
        <v>1</v>
      </c>
      <c r="J306" s="34"/>
    </row>
    <row r="307" spans="2:10" ht="39.75" customHeight="1" x14ac:dyDescent="0.2">
      <c r="B307" s="24"/>
      <c r="C307" s="11" t="s">
        <v>363</v>
      </c>
      <c r="D307" s="12" t="s">
        <v>1052</v>
      </c>
      <c r="E307" s="11">
        <v>141534</v>
      </c>
      <c r="F307" s="12" t="s">
        <v>1639</v>
      </c>
      <c r="G307" s="13" t="s">
        <v>390</v>
      </c>
      <c r="H307" s="20">
        <v>2</v>
      </c>
      <c r="I307" s="18">
        <v>0</v>
      </c>
      <c r="J307" s="33" t="s">
        <v>2080</v>
      </c>
    </row>
    <row r="308" spans="2:10" ht="39.75" customHeight="1" x14ac:dyDescent="0.2">
      <c r="B308" s="24"/>
      <c r="C308" s="11" t="s">
        <v>925</v>
      </c>
      <c r="D308" s="12" t="s">
        <v>1052</v>
      </c>
      <c r="E308" s="11">
        <v>141534</v>
      </c>
      <c r="F308" s="12" t="s">
        <v>1541</v>
      </c>
      <c r="G308" s="17" t="s">
        <v>882</v>
      </c>
      <c r="H308" s="20">
        <v>0</v>
      </c>
      <c r="I308" s="18">
        <v>1</v>
      </c>
      <c r="J308" s="34"/>
    </row>
    <row r="309" spans="2:10" ht="39.75" customHeight="1" x14ac:dyDescent="0.2">
      <c r="B309" s="24"/>
      <c r="C309" s="11" t="s">
        <v>915</v>
      </c>
      <c r="D309" s="12" t="s">
        <v>1052</v>
      </c>
      <c r="E309" s="11">
        <v>141534</v>
      </c>
      <c r="F309" s="12" t="s">
        <v>1253</v>
      </c>
      <c r="G309" s="17" t="s">
        <v>882</v>
      </c>
      <c r="H309" s="20">
        <v>4</v>
      </c>
      <c r="I309" s="18">
        <v>0</v>
      </c>
      <c r="J309" s="34" t="s">
        <v>916</v>
      </c>
    </row>
    <row r="310" spans="2:10" ht="39.75" customHeight="1" x14ac:dyDescent="0.2">
      <c r="B310" s="24"/>
      <c r="C310" s="11" t="s">
        <v>929</v>
      </c>
      <c r="D310" s="12" t="s">
        <v>1052</v>
      </c>
      <c r="E310" s="11">
        <v>141534</v>
      </c>
      <c r="F310" s="12" t="s">
        <v>1376</v>
      </c>
      <c r="G310" s="17" t="s">
        <v>882</v>
      </c>
      <c r="H310" s="20">
        <v>1</v>
      </c>
      <c r="I310" s="18">
        <v>0</v>
      </c>
      <c r="J310" s="34"/>
    </row>
    <row r="311" spans="2:10" ht="39.75" customHeight="1" x14ac:dyDescent="0.2">
      <c r="B311" s="24"/>
      <c r="C311" s="11" t="s">
        <v>923</v>
      </c>
      <c r="D311" s="12" t="s">
        <v>1052</v>
      </c>
      <c r="E311" s="11">
        <v>141534</v>
      </c>
      <c r="F311" s="12" t="s">
        <v>1640</v>
      </c>
      <c r="G311" s="17" t="s">
        <v>882</v>
      </c>
      <c r="H311" s="20">
        <v>0</v>
      </c>
      <c r="I311" s="18">
        <v>1</v>
      </c>
      <c r="J311" s="34"/>
    </row>
    <row r="312" spans="2:10" ht="39.75" customHeight="1" x14ac:dyDescent="0.2">
      <c r="B312" s="24"/>
      <c r="C312" s="11" t="s">
        <v>1021</v>
      </c>
      <c r="D312" s="12" t="s">
        <v>1052</v>
      </c>
      <c r="E312" s="11">
        <v>141534</v>
      </c>
      <c r="F312" s="12" t="s">
        <v>1111</v>
      </c>
      <c r="G312" s="17" t="s">
        <v>882</v>
      </c>
      <c r="H312" s="20">
        <v>1</v>
      </c>
      <c r="I312" s="18">
        <v>0</v>
      </c>
      <c r="J312" s="34"/>
    </row>
    <row r="313" spans="2:10" ht="39.75" customHeight="1" x14ac:dyDescent="0.2">
      <c r="B313" s="24"/>
      <c r="C313" s="11" t="s">
        <v>979</v>
      </c>
      <c r="D313" s="12" t="s">
        <v>1052</v>
      </c>
      <c r="E313" s="11">
        <v>141534</v>
      </c>
      <c r="F313" s="12" t="s">
        <v>1108</v>
      </c>
      <c r="G313" s="17" t="s">
        <v>882</v>
      </c>
      <c r="H313" s="20">
        <v>1</v>
      </c>
      <c r="I313" s="18">
        <v>0</v>
      </c>
      <c r="J313" s="34"/>
    </row>
    <row r="314" spans="2:10" ht="39.75" customHeight="1" x14ac:dyDescent="0.2">
      <c r="B314" s="24"/>
      <c r="C314" s="11" t="s">
        <v>963</v>
      </c>
      <c r="D314" s="12" t="s">
        <v>1052</v>
      </c>
      <c r="E314" s="11">
        <v>141534</v>
      </c>
      <c r="F314" s="12" t="s">
        <v>1751</v>
      </c>
      <c r="G314" s="17" t="s">
        <v>882</v>
      </c>
      <c r="H314" s="20">
        <v>1</v>
      </c>
      <c r="I314" s="18">
        <v>0</v>
      </c>
      <c r="J314" s="34"/>
    </row>
    <row r="315" spans="2:10" ht="39.75" customHeight="1" x14ac:dyDescent="0.2">
      <c r="B315" s="24"/>
      <c r="C315" s="11" t="s">
        <v>962</v>
      </c>
      <c r="D315" s="12" t="s">
        <v>1052</v>
      </c>
      <c r="E315" s="11">
        <v>141534</v>
      </c>
      <c r="F315" s="12" t="s">
        <v>1542</v>
      </c>
      <c r="G315" s="17" t="s">
        <v>882</v>
      </c>
      <c r="H315" s="20">
        <v>1</v>
      </c>
      <c r="I315" s="18">
        <v>0</v>
      </c>
      <c r="J315" s="34"/>
    </row>
    <row r="316" spans="2:10" ht="39.75" customHeight="1" x14ac:dyDescent="0.2">
      <c r="B316" s="24"/>
      <c r="C316" s="11" t="s">
        <v>950</v>
      </c>
      <c r="D316" s="12" t="s">
        <v>1052</v>
      </c>
      <c r="E316" s="11">
        <v>141534</v>
      </c>
      <c r="F316" s="12" t="s">
        <v>1543</v>
      </c>
      <c r="G316" s="17" t="s">
        <v>882</v>
      </c>
      <c r="H316" s="20">
        <v>9</v>
      </c>
      <c r="I316" s="18">
        <v>0</v>
      </c>
      <c r="J316" s="34"/>
    </row>
    <row r="317" spans="2:10" ht="39.75" customHeight="1" x14ac:dyDescent="0.2">
      <c r="B317" s="24"/>
      <c r="C317" s="11" t="s">
        <v>948</v>
      </c>
      <c r="D317" s="12" t="s">
        <v>1052</v>
      </c>
      <c r="E317" s="11">
        <v>141534</v>
      </c>
      <c r="F317" s="12" t="s">
        <v>1377</v>
      </c>
      <c r="G317" s="17" t="s">
        <v>882</v>
      </c>
      <c r="H317" s="20">
        <v>2</v>
      </c>
      <c r="I317" s="18">
        <v>0</v>
      </c>
      <c r="J317" s="34"/>
    </row>
    <row r="318" spans="2:10" ht="39.75" customHeight="1" x14ac:dyDescent="0.2">
      <c r="B318" s="24"/>
      <c r="C318" s="11" t="s">
        <v>214</v>
      </c>
      <c r="D318" s="12" t="s">
        <v>1052</v>
      </c>
      <c r="E318" s="11">
        <v>141534</v>
      </c>
      <c r="F318" s="12" t="s">
        <v>1752</v>
      </c>
      <c r="G318" s="13" t="s">
        <v>390</v>
      </c>
      <c r="H318" s="20">
        <v>1</v>
      </c>
      <c r="I318" s="18">
        <v>0</v>
      </c>
      <c r="J318" s="34"/>
    </row>
    <row r="319" spans="2:10" ht="39.75" customHeight="1" x14ac:dyDescent="0.2">
      <c r="B319" s="24"/>
      <c r="C319" s="11" t="s">
        <v>251</v>
      </c>
      <c r="D319" s="12" t="s">
        <v>1052</v>
      </c>
      <c r="E319" s="11">
        <v>141534</v>
      </c>
      <c r="F319" s="12" t="s">
        <v>1307</v>
      </c>
      <c r="G319" s="13" t="s">
        <v>390</v>
      </c>
      <c r="H319" s="20">
        <v>2</v>
      </c>
      <c r="I319" s="18">
        <v>0</v>
      </c>
      <c r="J319" s="34"/>
    </row>
    <row r="320" spans="2:10" ht="39.75" customHeight="1" x14ac:dyDescent="0.2">
      <c r="B320" s="24"/>
      <c r="C320" s="11" t="s">
        <v>9</v>
      </c>
      <c r="D320" s="12" t="s">
        <v>1052</v>
      </c>
      <c r="E320" s="11">
        <v>141534</v>
      </c>
      <c r="F320" s="12" t="s">
        <v>1126</v>
      </c>
      <c r="G320" s="13" t="s">
        <v>390</v>
      </c>
      <c r="H320" s="31">
        <v>1</v>
      </c>
      <c r="I320" s="18">
        <v>0</v>
      </c>
      <c r="J320" s="34" t="s">
        <v>317</v>
      </c>
    </row>
    <row r="321" spans="2:10" ht="39.75" customHeight="1" x14ac:dyDescent="0.2">
      <c r="B321" s="24"/>
      <c r="C321" s="11" t="s">
        <v>212</v>
      </c>
      <c r="D321" s="12" t="s">
        <v>1052</v>
      </c>
      <c r="E321" s="11">
        <v>141534</v>
      </c>
      <c r="F321" s="12" t="s">
        <v>1127</v>
      </c>
      <c r="G321" s="13" t="s">
        <v>390</v>
      </c>
      <c r="H321" s="20">
        <v>2</v>
      </c>
      <c r="I321" s="18">
        <v>0</v>
      </c>
      <c r="J321" s="34"/>
    </row>
    <row r="322" spans="2:10" ht="39.75" customHeight="1" x14ac:dyDescent="0.2">
      <c r="B322" s="24"/>
      <c r="C322" s="11" t="s">
        <v>939</v>
      </c>
      <c r="D322" s="12" t="s">
        <v>1052</v>
      </c>
      <c r="E322" s="11">
        <v>141534</v>
      </c>
      <c r="F322" s="12" t="s">
        <v>1125</v>
      </c>
      <c r="G322" s="17" t="s">
        <v>882</v>
      </c>
      <c r="H322" s="20">
        <v>1</v>
      </c>
      <c r="I322" s="18">
        <v>0</v>
      </c>
      <c r="J322" s="34"/>
    </row>
    <row r="323" spans="2:10" ht="39.75" customHeight="1" x14ac:dyDescent="0.2">
      <c r="B323" s="24"/>
      <c r="C323" s="11" t="s">
        <v>946</v>
      </c>
      <c r="D323" s="12" t="s">
        <v>1052</v>
      </c>
      <c r="E323" s="11">
        <v>141534</v>
      </c>
      <c r="F323" s="12" t="s">
        <v>1544</v>
      </c>
      <c r="G323" s="17" t="s">
        <v>882</v>
      </c>
      <c r="H323" s="20">
        <v>6</v>
      </c>
      <c r="I323" s="18">
        <v>0</v>
      </c>
      <c r="J323" s="34"/>
    </row>
    <row r="324" spans="2:10" ht="39.75" customHeight="1" x14ac:dyDescent="0.2">
      <c r="B324" s="24"/>
      <c r="C324" s="11" t="s">
        <v>878</v>
      </c>
      <c r="D324" s="12" t="s">
        <v>1053</v>
      </c>
      <c r="E324" s="11">
        <v>142018</v>
      </c>
      <c r="F324" s="12" t="s">
        <v>1459</v>
      </c>
      <c r="G324" s="17" t="s">
        <v>1032</v>
      </c>
      <c r="H324" s="20">
        <v>1</v>
      </c>
      <c r="I324" s="18">
        <v>0</v>
      </c>
      <c r="J324" s="34"/>
    </row>
    <row r="325" spans="2:10" ht="39.75" customHeight="1" x14ac:dyDescent="0.2">
      <c r="B325" s="24"/>
      <c r="C325" s="11" t="s">
        <v>1037</v>
      </c>
      <c r="D325" s="12" t="s">
        <v>1053</v>
      </c>
      <c r="E325" s="11">
        <v>142018</v>
      </c>
      <c r="F325" s="12" t="s">
        <v>1038</v>
      </c>
      <c r="G325" s="17" t="s">
        <v>1032</v>
      </c>
      <c r="H325" s="20">
        <v>1</v>
      </c>
      <c r="I325" s="18">
        <v>0</v>
      </c>
      <c r="J325" s="34"/>
    </row>
    <row r="326" spans="2:10" ht="39.75" customHeight="1" x14ac:dyDescent="0.2">
      <c r="B326" s="24"/>
      <c r="C326" s="11" t="s">
        <v>1042</v>
      </c>
      <c r="D326" s="12" t="s">
        <v>1053</v>
      </c>
      <c r="E326" s="11">
        <v>142018</v>
      </c>
      <c r="F326" s="12" t="s">
        <v>1128</v>
      </c>
      <c r="G326" s="17" t="s">
        <v>1032</v>
      </c>
      <c r="H326" s="20">
        <v>1</v>
      </c>
      <c r="I326" s="18">
        <v>0</v>
      </c>
      <c r="J326" s="34"/>
    </row>
    <row r="327" spans="2:10" ht="39.75" customHeight="1" x14ac:dyDescent="0.2">
      <c r="B327" s="24"/>
      <c r="C327" s="11" t="s">
        <v>1044</v>
      </c>
      <c r="D327" s="12" t="s">
        <v>1053</v>
      </c>
      <c r="E327" s="11">
        <v>142018</v>
      </c>
      <c r="F327" s="12" t="s">
        <v>1128</v>
      </c>
      <c r="G327" s="17" t="s">
        <v>1032</v>
      </c>
      <c r="H327" s="20">
        <v>2</v>
      </c>
      <c r="I327" s="18">
        <v>0</v>
      </c>
      <c r="J327" s="34"/>
    </row>
    <row r="328" spans="2:10" ht="39.75" customHeight="1" x14ac:dyDescent="0.2">
      <c r="B328" s="24"/>
      <c r="C328" s="11" t="s">
        <v>1035</v>
      </c>
      <c r="D328" s="12" t="s">
        <v>1053</v>
      </c>
      <c r="E328" s="11">
        <v>142018</v>
      </c>
      <c r="F328" s="12" t="s">
        <v>1211</v>
      </c>
      <c r="G328" s="17" t="s">
        <v>1032</v>
      </c>
      <c r="H328" s="20">
        <v>1</v>
      </c>
      <c r="I328" s="18">
        <v>0</v>
      </c>
      <c r="J328" s="34"/>
    </row>
    <row r="329" spans="2:10" ht="39.75" customHeight="1" x14ac:dyDescent="0.2">
      <c r="B329" s="24"/>
      <c r="C329" s="11" t="s">
        <v>1033</v>
      </c>
      <c r="D329" s="12" t="s">
        <v>1053</v>
      </c>
      <c r="E329" s="11">
        <v>142018</v>
      </c>
      <c r="F329" s="12" t="s">
        <v>1308</v>
      </c>
      <c r="G329" s="17" t="s">
        <v>1032</v>
      </c>
      <c r="H329" s="20">
        <v>3</v>
      </c>
      <c r="I329" s="18">
        <v>0</v>
      </c>
      <c r="J329" s="34"/>
    </row>
    <row r="330" spans="2:10" ht="39.75" customHeight="1" x14ac:dyDescent="0.2">
      <c r="B330" s="24"/>
      <c r="C330" s="11" t="s">
        <v>86</v>
      </c>
      <c r="D330" s="12" t="s">
        <v>1053</v>
      </c>
      <c r="E330" s="11">
        <v>142018</v>
      </c>
      <c r="F330" s="12" t="s">
        <v>1170</v>
      </c>
      <c r="G330" s="13" t="s">
        <v>390</v>
      </c>
      <c r="H330" s="20">
        <v>6</v>
      </c>
      <c r="I330" s="18">
        <v>0</v>
      </c>
      <c r="J330" s="34"/>
    </row>
    <row r="331" spans="2:10" ht="39.75" customHeight="1" x14ac:dyDescent="0.2">
      <c r="B331" s="24"/>
      <c r="C331" s="11" t="s">
        <v>65</v>
      </c>
      <c r="D331" s="12" t="s">
        <v>1053</v>
      </c>
      <c r="E331" s="11">
        <v>142018</v>
      </c>
      <c r="F331" s="12" t="s">
        <v>1460</v>
      </c>
      <c r="G331" s="13" t="s">
        <v>390</v>
      </c>
      <c r="H331" s="20">
        <v>1</v>
      </c>
      <c r="I331" s="18">
        <v>1</v>
      </c>
      <c r="J331" s="34"/>
    </row>
    <row r="332" spans="2:10" ht="39.75" customHeight="1" x14ac:dyDescent="0.2">
      <c r="B332" s="24"/>
      <c r="C332" s="11" t="s">
        <v>377</v>
      </c>
      <c r="D332" s="12" t="s">
        <v>1053</v>
      </c>
      <c r="E332" s="11">
        <v>142018</v>
      </c>
      <c r="F332" s="12" t="s">
        <v>1084</v>
      </c>
      <c r="G332" s="13" t="s">
        <v>390</v>
      </c>
      <c r="H332" s="20">
        <v>1</v>
      </c>
      <c r="I332" s="18">
        <v>0</v>
      </c>
      <c r="J332" s="34"/>
    </row>
    <row r="333" spans="2:10" ht="39.75" customHeight="1" x14ac:dyDescent="0.2">
      <c r="B333" s="24"/>
      <c r="C333" s="11" t="s">
        <v>1046</v>
      </c>
      <c r="D333" s="12" t="s">
        <v>1053</v>
      </c>
      <c r="E333" s="11">
        <v>142018</v>
      </c>
      <c r="F333" s="12" t="s">
        <v>1461</v>
      </c>
      <c r="G333" s="17" t="s">
        <v>1032</v>
      </c>
      <c r="H333" s="20">
        <v>0</v>
      </c>
      <c r="I333" s="18">
        <v>2</v>
      </c>
      <c r="J333" s="34"/>
    </row>
    <row r="334" spans="2:10" ht="39.75" customHeight="1" x14ac:dyDescent="0.2">
      <c r="B334" s="24"/>
      <c r="C334" s="11" t="s">
        <v>364</v>
      </c>
      <c r="D334" s="12" t="s">
        <v>1053</v>
      </c>
      <c r="E334" s="11">
        <v>142018</v>
      </c>
      <c r="F334" s="12" t="s">
        <v>1378</v>
      </c>
      <c r="G334" s="13" t="s">
        <v>390</v>
      </c>
      <c r="H334" s="20">
        <v>1</v>
      </c>
      <c r="I334" s="18">
        <v>3</v>
      </c>
      <c r="J334" s="33" t="s">
        <v>2080</v>
      </c>
    </row>
    <row r="335" spans="2:10" ht="39.75" customHeight="1" x14ac:dyDescent="0.2">
      <c r="B335" s="24"/>
      <c r="C335" s="11" t="s">
        <v>1043</v>
      </c>
      <c r="D335" s="12" t="s">
        <v>1053</v>
      </c>
      <c r="E335" s="11">
        <v>142018</v>
      </c>
      <c r="F335" s="12" t="s">
        <v>1129</v>
      </c>
      <c r="G335" s="17" t="s">
        <v>1032</v>
      </c>
      <c r="H335" s="20">
        <v>2</v>
      </c>
      <c r="I335" s="18">
        <v>0</v>
      </c>
      <c r="J335" s="34"/>
    </row>
    <row r="336" spans="2:10" ht="39.75" customHeight="1" x14ac:dyDescent="0.2">
      <c r="B336" s="24"/>
      <c r="C336" s="11" t="s">
        <v>55</v>
      </c>
      <c r="D336" s="12" t="s">
        <v>1053</v>
      </c>
      <c r="E336" s="11">
        <v>142018</v>
      </c>
      <c r="F336" s="12" t="s">
        <v>1309</v>
      </c>
      <c r="G336" s="13" t="s">
        <v>390</v>
      </c>
      <c r="H336" s="20">
        <v>5</v>
      </c>
      <c r="I336" s="18">
        <v>0</v>
      </c>
      <c r="J336" s="34"/>
    </row>
    <row r="337" spans="2:10" ht="39.75" customHeight="1" x14ac:dyDescent="0.2">
      <c r="B337" s="24"/>
      <c r="C337" s="11" t="s">
        <v>1045</v>
      </c>
      <c r="D337" s="12" t="s">
        <v>1053</v>
      </c>
      <c r="E337" s="11">
        <v>142018</v>
      </c>
      <c r="F337" s="12" t="s">
        <v>1212</v>
      </c>
      <c r="G337" s="17" t="s">
        <v>1032</v>
      </c>
      <c r="H337" s="20">
        <v>1</v>
      </c>
      <c r="I337" s="18">
        <v>0</v>
      </c>
      <c r="J337" s="34"/>
    </row>
    <row r="338" spans="2:10" ht="39.75" customHeight="1" x14ac:dyDescent="0.2">
      <c r="B338" s="24"/>
      <c r="C338" s="11" t="s">
        <v>1039</v>
      </c>
      <c r="D338" s="12" t="s">
        <v>1053</v>
      </c>
      <c r="E338" s="11">
        <v>142018</v>
      </c>
      <c r="F338" s="12" t="s">
        <v>1641</v>
      </c>
      <c r="G338" s="17" t="s">
        <v>1032</v>
      </c>
      <c r="H338" s="20">
        <v>4</v>
      </c>
      <c r="I338" s="18">
        <v>0</v>
      </c>
      <c r="J338" s="34"/>
    </row>
    <row r="339" spans="2:10" ht="39.75" customHeight="1" x14ac:dyDescent="0.2">
      <c r="B339" s="24"/>
      <c r="C339" s="11" t="s">
        <v>47</v>
      </c>
      <c r="D339" s="12" t="s">
        <v>1053</v>
      </c>
      <c r="E339" s="11">
        <v>142018</v>
      </c>
      <c r="F339" s="12" t="s">
        <v>1545</v>
      </c>
      <c r="G339" s="13" t="s">
        <v>390</v>
      </c>
      <c r="H339" s="20">
        <v>1</v>
      </c>
      <c r="I339" s="18">
        <v>0</v>
      </c>
      <c r="J339" s="34"/>
    </row>
    <row r="340" spans="2:10" ht="39.75" customHeight="1" x14ac:dyDescent="0.2">
      <c r="B340" s="24"/>
      <c r="C340" s="11" t="s">
        <v>4</v>
      </c>
      <c r="D340" s="12" t="s">
        <v>1053</v>
      </c>
      <c r="E340" s="11">
        <v>142018</v>
      </c>
      <c r="F340" s="12" t="s">
        <v>314</v>
      </c>
      <c r="G340" s="13" t="s">
        <v>390</v>
      </c>
      <c r="H340" s="20">
        <v>2</v>
      </c>
      <c r="I340" s="18">
        <v>1</v>
      </c>
      <c r="J340" s="34"/>
    </row>
    <row r="341" spans="2:10" ht="39.75" customHeight="1" x14ac:dyDescent="0.2">
      <c r="B341" s="24"/>
      <c r="C341" s="11" t="s">
        <v>1047</v>
      </c>
      <c r="D341" s="12" t="s">
        <v>1053</v>
      </c>
      <c r="E341" s="11">
        <v>142018</v>
      </c>
      <c r="F341" s="12" t="s">
        <v>1642</v>
      </c>
      <c r="G341" s="17" t="s">
        <v>1032</v>
      </c>
      <c r="H341" s="20">
        <v>1</v>
      </c>
      <c r="I341" s="18">
        <v>0</v>
      </c>
      <c r="J341" s="34"/>
    </row>
    <row r="342" spans="2:10" ht="39.75" customHeight="1" x14ac:dyDescent="0.2">
      <c r="B342" s="24"/>
      <c r="C342" s="11" t="s">
        <v>1036</v>
      </c>
      <c r="D342" s="12" t="s">
        <v>1053</v>
      </c>
      <c r="E342" s="11">
        <v>142018</v>
      </c>
      <c r="F342" s="12" t="s">
        <v>1546</v>
      </c>
      <c r="G342" s="17" t="s">
        <v>1032</v>
      </c>
      <c r="H342" s="20">
        <v>1</v>
      </c>
      <c r="I342" s="18">
        <v>0</v>
      </c>
      <c r="J342" s="34"/>
    </row>
    <row r="343" spans="2:10" ht="39.75" customHeight="1" x14ac:dyDescent="0.2">
      <c r="B343" s="24"/>
      <c r="C343" s="11" t="s">
        <v>292</v>
      </c>
      <c r="D343" s="12" t="s">
        <v>1053</v>
      </c>
      <c r="E343" s="11">
        <v>142018</v>
      </c>
      <c r="F343" s="12" t="s">
        <v>1379</v>
      </c>
      <c r="G343" s="13" t="s">
        <v>390</v>
      </c>
      <c r="H343" s="20">
        <v>0</v>
      </c>
      <c r="I343" s="18">
        <v>1</v>
      </c>
      <c r="J343" s="34"/>
    </row>
    <row r="344" spans="2:10" s="58" customFormat="1" ht="39.75" customHeight="1" x14ac:dyDescent="0.2">
      <c r="B344" s="37"/>
      <c r="C344" s="21" t="s">
        <v>1034</v>
      </c>
      <c r="D344" s="22" t="s">
        <v>1053</v>
      </c>
      <c r="E344" s="11">
        <v>142018</v>
      </c>
      <c r="F344" s="22" t="s">
        <v>1213</v>
      </c>
      <c r="G344" s="45" t="s">
        <v>1032</v>
      </c>
      <c r="H344" s="29">
        <v>3</v>
      </c>
      <c r="I344" s="67">
        <v>2</v>
      </c>
      <c r="J344" s="33"/>
    </row>
    <row r="345" spans="2:10" s="58" customFormat="1" ht="39.75" customHeight="1" x14ac:dyDescent="0.2">
      <c r="B345" s="37"/>
      <c r="C345" s="21" t="s">
        <v>1040</v>
      </c>
      <c r="D345" s="22" t="s">
        <v>1053</v>
      </c>
      <c r="E345" s="11">
        <v>142018</v>
      </c>
      <c r="F345" s="22" t="s">
        <v>1835</v>
      </c>
      <c r="G345" s="45" t="s">
        <v>1032</v>
      </c>
      <c r="H345" s="29">
        <v>2</v>
      </c>
      <c r="I345" s="26">
        <v>0</v>
      </c>
      <c r="J345" s="33"/>
    </row>
    <row r="346" spans="2:10" s="58" customFormat="1" ht="39.75" customHeight="1" x14ac:dyDescent="0.2">
      <c r="B346" s="37"/>
      <c r="C346" s="21" t="s">
        <v>365</v>
      </c>
      <c r="D346" s="22" t="s">
        <v>1053</v>
      </c>
      <c r="E346" s="11">
        <v>142018</v>
      </c>
      <c r="F346" s="22" t="s">
        <v>1462</v>
      </c>
      <c r="G346" s="23" t="s">
        <v>390</v>
      </c>
      <c r="H346" s="29">
        <v>4</v>
      </c>
      <c r="I346" s="26">
        <v>0</v>
      </c>
      <c r="J346" s="33" t="s">
        <v>2080</v>
      </c>
    </row>
    <row r="347" spans="2:10" ht="39.75" customHeight="1" x14ac:dyDescent="0.2">
      <c r="B347" s="24"/>
      <c r="C347" s="11" t="s">
        <v>182</v>
      </c>
      <c r="D347" s="12" t="s">
        <v>1053</v>
      </c>
      <c r="E347" s="11">
        <v>142018</v>
      </c>
      <c r="F347" s="12" t="s">
        <v>1753</v>
      </c>
      <c r="G347" s="13" t="s">
        <v>390</v>
      </c>
      <c r="H347" s="20">
        <v>2</v>
      </c>
      <c r="I347" s="18">
        <v>0</v>
      </c>
      <c r="J347" s="34"/>
    </row>
    <row r="348" spans="2:10" ht="39.75" customHeight="1" x14ac:dyDescent="0.2">
      <c r="B348" s="24"/>
      <c r="C348" s="11" t="s">
        <v>184</v>
      </c>
      <c r="D348" s="12" t="s">
        <v>1053</v>
      </c>
      <c r="E348" s="11">
        <v>142018</v>
      </c>
      <c r="F348" s="12" t="s">
        <v>1310</v>
      </c>
      <c r="G348" s="13" t="s">
        <v>390</v>
      </c>
      <c r="H348" s="20">
        <v>1</v>
      </c>
      <c r="I348" s="18">
        <v>0</v>
      </c>
      <c r="J348" s="34"/>
    </row>
    <row r="349" spans="2:10" ht="39.75" customHeight="1" x14ac:dyDescent="0.2">
      <c r="B349" s="24"/>
      <c r="C349" s="11" t="s">
        <v>186</v>
      </c>
      <c r="D349" s="12" t="s">
        <v>1053</v>
      </c>
      <c r="E349" s="11">
        <v>142018</v>
      </c>
      <c r="F349" s="12" t="s">
        <v>1130</v>
      </c>
      <c r="G349" s="13" t="s">
        <v>390</v>
      </c>
      <c r="H349" s="20">
        <v>1</v>
      </c>
      <c r="I349" s="18">
        <v>1</v>
      </c>
      <c r="J349" s="34"/>
    </row>
    <row r="350" spans="2:10" ht="39.75" customHeight="1" x14ac:dyDescent="0.2">
      <c r="B350" s="24"/>
      <c r="C350" s="11" t="s">
        <v>291</v>
      </c>
      <c r="D350" s="12" t="s">
        <v>1053</v>
      </c>
      <c r="E350" s="11">
        <v>142018</v>
      </c>
      <c r="F350" s="12" t="s">
        <v>1188</v>
      </c>
      <c r="G350" s="13" t="s">
        <v>390</v>
      </c>
      <c r="H350" s="20">
        <v>2</v>
      </c>
      <c r="I350" s="18">
        <v>0</v>
      </c>
      <c r="J350" s="34"/>
    </row>
    <row r="351" spans="2:10" ht="39.75" customHeight="1" x14ac:dyDescent="0.2">
      <c r="B351" s="24"/>
      <c r="C351" s="11" t="s">
        <v>1041</v>
      </c>
      <c r="D351" s="12" t="s">
        <v>1053</v>
      </c>
      <c r="E351" s="11">
        <v>142018</v>
      </c>
      <c r="F351" s="12" t="s">
        <v>1187</v>
      </c>
      <c r="G351" s="17" t="s">
        <v>1032</v>
      </c>
      <c r="H351" s="20">
        <v>2</v>
      </c>
      <c r="I351" s="18">
        <v>0</v>
      </c>
      <c r="J351" s="34"/>
    </row>
    <row r="352" spans="2:10" ht="39.75" customHeight="1" x14ac:dyDescent="0.2">
      <c r="B352" s="24"/>
      <c r="C352" s="11" t="s">
        <v>183</v>
      </c>
      <c r="D352" s="12" t="s">
        <v>1053</v>
      </c>
      <c r="E352" s="11">
        <v>142018</v>
      </c>
      <c r="F352" s="12" t="s">
        <v>1547</v>
      </c>
      <c r="G352" s="13" t="s">
        <v>390</v>
      </c>
      <c r="H352" s="20">
        <v>1</v>
      </c>
      <c r="I352" s="18">
        <v>0</v>
      </c>
      <c r="J352" s="34"/>
    </row>
    <row r="353" spans="2:10" ht="39.75" customHeight="1" x14ac:dyDescent="0.2">
      <c r="B353" s="24"/>
      <c r="C353" s="11" t="s">
        <v>185</v>
      </c>
      <c r="D353" s="12" t="s">
        <v>1053</v>
      </c>
      <c r="E353" s="11">
        <v>142018</v>
      </c>
      <c r="F353" s="12" t="s">
        <v>1214</v>
      </c>
      <c r="G353" s="13" t="s">
        <v>390</v>
      </c>
      <c r="H353" s="20">
        <v>2</v>
      </c>
      <c r="I353" s="18">
        <v>0</v>
      </c>
      <c r="J353" s="34"/>
    </row>
    <row r="354" spans="2:10" ht="39.75" customHeight="1" x14ac:dyDescent="0.2">
      <c r="B354" s="24"/>
      <c r="C354" s="11" t="s">
        <v>35</v>
      </c>
      <c r="D354" s="12" t="s">
        <v>1054</v>
      </c>
      <c r="E354" s="11">
        <v>142034</v>
      </c>
      <c r="F354" s="12" t="s">
        <v>1548</v>
      </c>
      <c r="G354" s="13" t="s">
        <v>390</v>
      </c>
      <c r="H354" s="20">
        <v>2</v>
      </c>
      <c r="I354" s="18">
        <v>0</v>
      </c>
      <c r="J354" s="34"/>
    </row>
    <row r="355" spans="2:10" ht="39.75" customHeight="1" x14ac:dyDescent="0.2">
      <c r="B355" s="24"/>
      <c r="C355" s="11" t="s">
        <v>253</v>
      </c>
      <c r="D355" s="12" t="s">
        <v>1054</v>
      </c>
      <c r="E355" s="11">
        <v>142034</v>
      </c>
      <c r="F355" s="12" t="s">
        <v>1100</v>
      </c>
      <c r="G355" s="13" t="s">
        <v>390</v>
      </c>
      <c r="H355" s="20">
        <v>2</v>
      </c>
      <c r="I355" s="18">
        <v>0</v>
      </c>
      <c r="J355" s="33" t="s">
        <v>2080</v>
      </c>
    </row>
    <row r="356" spans="2:10" ht="39.75" customHeight="1" x14ac:dyDescent="0.2">
      <c r="B356" s="24"/>
      <c r="C356" s="11" t="s">
        <v>49</v>
      </c>
      <c r="D356" s="12" t="s">
        <v>1054</v>
      </c>
      <c r="E356" s="11">
        <v>142034</v>
      </c>
      <c r="F356" s="12" t="s">
        <v>322</v>
      </c>
      <c r="G356" s="13" t="s">
        <v>390</v>
      </c>
      <c r="H356" s="20">
        <v>3</v>
      </c>
      <c r="I356" s="18">
        <v>1</v>
      </c>
      <c r="J356" s="34"/>
    </row>
    <row r="357" spans="2:10" s="3" customFormat="1" ht="39.75" customHeight="1" x14ac:dyDescent="0.2">
      <c r="B357" s="24"/>
      <c r="C357" s="11" t="s">
        <v>366</v>
      </c>
      <c r="D357" s="12" t="s">
        <v>1054</v>
      </c>
      <c r="E357" s="11">
        <v>142034</v>
      </c>
      <c r="F357" s="12" t="s">
        <v>1830</v>
      </c>
      <c r="G357" s="13" t="s">
        <v>390</v>
      </c>
      <c r="H357" s="20">
        <v>3</v>
      </c>
      <c r="I357" s="18">
        <v>0</v>
      </c>
      <c r="J357" s="33" t="s">
        <v>2080</v>
      </c>
    </row>
    <row r="358" spans="2:10" ht="39.75" customHeight="1" x14ac:dyDescent="0.2">
      <c r="B358" s="24"/>
      <c r="C358" s="11" t="s">
        <v>30</v>
      </c>
      <c r="D358" s="12" t="s">
        <v>1054</v>
      </c>
      <c r="E358" s="11">
        <v>142034</v>
      </c>
      <c r="F358" s="12" t="s">
        <v>1754</v>
      </c>
      <c r="G358" s="13" t="s">
        <v>390</v>
      </c>
      <c r="H358" s="20">
        <v>2</v>
      </c>
      <c r="I358" s="18">
        <v>0</v>
      </c>
      <c r="J358" s="34"/>
    </row>
    <row r="359" spans="2:10" ht="39.75" customHeight="1" x14ac:dyDescent="0.2">
      <c r="B359" s="24"/>
      <c r="C359" s="11" t="s">
        <v>759</v>
      </c>
      <c r="D359" s="12" t="s">
        <v>1054</v>
      </c>
      <c r="E359" s="11">
        <v>142034</v>
      </c>
      <c r="F359" s="12" t="s">
        <v>1311</v>
      </c>
      <c r="G359" s="17" t="s">
        <v>743</v>
      </c>
      <c r="H359" s="20">
        <v>2</v>
      </c>
      <c r="I359" s="18">
        <v>0</v>
      </c>
      <c r="J359" s="34"/>
    </row>
    <row r="360" spans="2:10" ht="39.75" customHeight="1" x14ac:dyDescent="0.2">
      <c r="B360" s="24"/>
      <c r="C360" s="11" t="s">
        <v>33</v>
      </c>
      <c r="D360" s="12" t="s">
        <v>1054</v>
      </c>
      <c r="E360" s="11">
        <v>142034</v>
      </c>
      <c r="F360" s="12" t="s">
        <v>1755</v>
      </c>
      <c r="G360" s="13" t="s">
        <v>390</v>
      </c>
      <c r="H360" s="20">
        <v>5</v>
      </c>
      <c r="I360" s="18">
        <v>0</v>
      </c>
      <c r="J360" s="34"/>
    </row>
    <row r="361" spans="2:10" ht="39.75" customHeight="1" x14ac:dyDescent="0.2">
      <c r="B361" s="24"/>
      <c r="C361" s="11" t="s">
        <v>46</v>
      </c>
      <c r="D361" s="12" t="s">
        <v>1054</v>
      </c>
      <c r="E361" s="11">
        <v>142034</v>
      </c>
      <c r="F361" s="12" t="s">
        <v>1463</v>
      </c>
      <c r="G361" s="13" t="s">
        <v>390</v>
      </c>
      <c r="H361" s="20">
        <v>1</v>
      </c>
      <c r="I361" s="18">
        <v>0</v>
      </c>
      <c r="J361" s="34" t="s">
        <v>386</v>
      </c>
    </row>
    <row r="362" spans="2:10" ht="39.75" customHeight="1" x14ac:dyDescent="0.2">
      <c r="B362" s="24"/>
      <c r="C362" s="11" t="s">
        <v>6</v>
      </c>
      <c r="D362" s="12" t="s">
        <v>1054</v>
      </c>
      <c r="E362" s="11">
        <v>142034</v>
      </c>
      <c r="F362" s="12" t="s">
        <v>315</v>
      </c>
      <c r="G362" s="13" t="s">
        <v>390</v>
      </c>
      <c r="H362" s="20">
        <v>7</v>
      </c>
      <c r="I362" s="18">
        <v>0</v>
      </c>
      <c r="J362" s="34" t="s">
        <v>385</v>
      </c>
    </row>
    <row r="363" spans="2:10" ht="39.75" customHeight="1" x14ac:dyDescent="0.2">
      <c r="B363" s="24"/>
      <c r="C363" s="11" t="s">
        <v>300</v>
      </c>
      <c r="D363" s="12" t="s">
        <v>1054</v>
      </c>
      <c r="E363" s="11">
        <v>142034</v>
      </c>
      <c r="F363" s="12" t="s">
        <v>378</v>
      </c>
      <c r="G363" s="13" t="s">
        <v>390</v>
      </c>
      <c r="H363" s="20">
        <v>2</v>
      </c>
      <c r="I363" s="18">
        <v>0</v>
      </c>
      <c r="J363" s="34"/>
    </row>
    <row r="364" spans="2:10" ht="39.75" customHeight="1" x14ac:dyDescent="0.2">
      <c r="B364" s="24"/>
      <c r="C364" s="11" t="s">
        <v>790</v>
      </c>
      <c r="D364" s="12" t="s">
        <v>1054</v>
      </c>
      <c r="E364" s="11">
        <v>142034</v>
      </c>
      <c r="F364" s="12" t="s">
        <v>1464</v>
      </c>
      <c r="G364" s="17" t="s">
        <v>743</v>
      </c>
      <c r="H364" s="20">
        <v>1</v>
      </c>
      <c r="I364" s="18">
        <v>0</v>
      </c>
      <c r="J364" s="34" t="s">
        <v>778</v>
      </c>
    </row>
    <row r="365" spans="2:10" ht="39.75" customHeight="1" x14ac:dyDescent="0.2">
      <c r="B365" s="24"/>
      <c r="C365" s="11" t="s">
        <v>784</v>
      </c>
      <c r="D365" s="12" t="s">
        <v>1054</v>
      </c>
      <c r="E365" s="11">
        <v>142034</v>
      </c>
      <c r="F365" s="12" t="s">
        <v>1465</v>
      </c>
      <c r="G365" s="17" t="s">
        <v>743</v>
      </c>
      <c r="H365" s="20">
        <v>1</v>
      </c>
      <c r="I365" s="18">
        <v>0</v>
      </c>
      <c r="J365" s="34" t="s">
        <v>778</v>
      </c>
    </row>
    <row r="366" spans="2:10" ht="39.75" customHeight="1" x14ac:dyDescent="0.2">
      <c r="B366" s="24"/>
      <c r="C366" s="11" t="s">
        <v>791</v>
      </c>
      <c r="D366" s="12" t="s">
        <v>1054</v>
      </c>
      <c r="E366" s="11">
        <v>142034</v>
      </c>
      <c r="F366" s="12" t="s">
        <v>1312</v>
      </c>
      <c r="G366" s="17" t="s">
        <v>743</v>
      </c>
      <c r="H366" s="20">
        <v>2</v>
      </c>
      <c r="I366" s="18">
        <v>0</v>
      </c>
      <c r="J366" s="34" t="s">
        <v>778</v>
      </c>
    </row>
    <row r="367" spans="2:10" s="3" customFormat="1" ht="39.75" customHeight="1" x14ac:dyDescent="0.2">
      <c r="B367" s="24"/>
      <c r="C367" s="11" t="s">
        <v>771</v>
      </c>
      <c r="D367" s="12" t="s">
        <v>1054</v>
      </c>
      <c r="E367" s="11">
        <v>142034</v>
      </c>
      <c r="F367" s="12" t="s">
        <v>1380</v>
      </c>
      <c r="G367" s="17" t="s">
        <v>743</v>
      </c>
      <c r="H367" s="20">
        <v>2</v>
      </c>
      <c r="I367" s="18">
        <v>4</v>
      </c>
      <c r="J367" s="34"/>
    </row>
    <row r="368" spans="2:10" ht="39.75" customHeight="1" x14ac:dyDescent="0.2">
      <c r="B368" s="24"/>
      <c r="C368" s="11" t="s">
        <v>772</v>
      </c>
      <c r="D368" s="12" t="s">
        <v>1054</v>
      </c>
      <c r="E368" s="11">
        <v>142034</v>
      </c>
      <c r="F368" s="12" t="s">
        <v>1466</v>
      </c>
      <c r="G368" s="17" t="s">
        <v>743</v>
      </c>
      <c r="H368" s="20">
        <v>2</v>
      </c>
      <c r="I368" s="18">
        <v>0</v>
      </c>
      <c r="J368" s="34"/>
    </row>
    <row r="369" spans="2:10" ht="39.75" customHeight="1" x14ac:dyDescent="0.2">
      <c r="B369" s="24"/>
      <c r="C369" s="11" t="s">
        <v>775</v>
      </c>
      <c r="D369" s="12" t="s">
        <v>1054</v>
      </c>
      <c r="E369" s="11">
        <v>142034</v>
      </c>
      <c r="F369" s="12" t="s">
        <v>1643</v>
      </c>
      <c r="G369" s="17" t="s">
        <v>743</v>
      </c>
      <c r="H369" s="20">
        <v>1</v>
      </c>
      <c r="I369" s="18">
        <v>0</v>
      </c>
      <c r="J369" s="34" t="s">
        <v>776</v>
      </c>
    </row>
    <row r="370" spans="2:10" ht="39.75" customHeight="1" x14ac:dyDescent="0.2">
      <c r="B370" s="24"/>
      <c r="C370" s="11" t="s">
        <v>780</v>
      </c>
      <c r="D370" s="12" t="s">
        <v>1054</v>
      </c>
      <c r="E370" s="11">
        <v>142034</v>
      </c>
      <c r="F370" s="12" t="s">
        <v>1644</v>
      </c>
      <c r="G370" s="17" t="s">
        <v>743</v>
      </c>
      <c r="H370" s="20">
        <v>2</v>
      </c>
      <c r="I370" s="18">
        <v>0</v>
      </c>
      <c r="J370" s="34"/>
    </row>
    <row r="371" spans="2:10" ht="39.75" customHeight="1" x14ac:dyDescent="0.2">
      <c r="B371" s="24"/>
      <c r="C371" s="11" t="s">
        <v>761</v>
      </c>
      <c r="D371" s="12" t="s">
        <v>1054</v>
      </c>
      <c r="E371" s="11">
        <v>142034</v>
      </c>
      <c r="F371" s="12" t="s">
        <v>1645</v>
      </c>
      <c r="G371" s="17" t="s">
        <v>743</v>
      </c>
      <c r="H371" s="20">
        <v>2</v>
      </c>
      <c r="I371" s="18">
        <v>1</v>
      </c>
      <c r="J371" s="34"/>
    </row>
    <row r="372" spans="2:10" ht="39.75" customHeight="1" x14ac:dyDescent="0.2">
      <c r="B372" s="24"/>
      <c r="C372" s="11" t="s">
        <v>797</v>
      </c>
      <c r="D372" s="12" t="s">
        <v>1054</v>
      </c>
      <c r="E372" s="11">
        <v>142034</v>
      </c>
      <c r="F372" s="12" t="s">
        <v>1646</v>
      </c>
      <c r="G372" s="17" t="s">
        <v>743</v>
      </c>
      <c r="H372" s="20">
        <v>2</v>
      </c>
      <c r="I372" s="18">
        <v>0</v>
      </c>
      <c r="J372" s="34"/>
    </row>
    <row r="373" spans="2:10" ht="39.75" customHeight="1" x14ac:dyDescent="0.2">
      <c r="B373" s="24"/>
      <c r="C373" s="11" t="s">
        <v>757</v>
      </c>
      <c r="D373" s="12" t="s">
        <v>1054</v>
      </c>
      <c r="E373" s="11">
        <v>142034</v>
      </c>
      <c r="F373" s="12" t="s">
        <v>1313</v>
      </c>
      <c r="G373" s="17" t="s">
        <v>743</v>
      </c>
      <c r="H373" s="20">
        <v>2</v>
      </c>
      <c r="I373" s="18">
        <v>0</v>
      </c>
      <c r="J373" s="34"/>
    </row>
    <row r="374" spans="2:10" ht="39.75" customHeight="1" x14ac:dyDescent="0.2">
      <c r="B374" s="24"/>
      <c r="C374" s="11" t="s">
        <v>189</v>
      </c>
      <c r="D374" s="12" t="s">
        <v>1054</v>
      </c>
      <c r="E374" s="11">
        <v>142034</v>
      </c>
      <c r="F374" s="12" t="s">
        <v>1647</v>
      </c>
      <c r="G374" s="13" t="s">
        <v>390</v>
      </c>
      <c r="H374" s="20">
        <v>2</v>
      </c>
      <c r="I374" s="18">
        <v>0</v>
      </c>
      <c r="J374" s="34"/>
    </row>
    <row r="375" spans="2:10" ht="39.75" customHeight="1" x14ac:dyDescent="0.2">
      <c r="B375" s="24"/>
      <c r="C375" s="11" t="s">
        <v>188</v>
      </c>
      <c r="D375" s="12" t="s">
        <v>1054</v>
      </c>
      <c r="E375" s="11">
        <v>142034</v>
      </c>
      <c r="F375" s="12" t="s">
        <v>1549</v>
      </c>
      <c r="G375" s="13" t="s">
        <v>390</v>
      </c>
      <c r="H375" s="20">
        <v>2</v>
      </c>
      <c r="I375" s="18">
        <v>0</v>
      </c>
      <c r="J375" s="34"/>
    </row>
    <row r="376" spans="2:10" ht="39.75" customHeight="1" x14ac:dyDescent="0.2">
      <c r="B376" s="24"/>
      <c r="C376" s="11" t="s">
        <v>792</v>
      </c>
      <c r="D376" s="12" t="s">
        <v>1054</v>
      </c>
      <c r="E376" s="11">
        <v>142034</v>
      </c>
      <c r="F376" s="12" t="s">
        <v>1756</v>
      </c>
      <c r="G376" s="17" t="s">
        <v>743</v>
      </c>
      <c r="H376" s="20">
        <v>1</v>
      </c>
      <c r="I376" s="18">
        <v>0</v>
      </c>
      <c r="J376" s="34"/>
    </row>
    <row r="377" spans="2:10" s="3" customFormat="1" ht="39.75" customHeight="1" x14ac:dyDescent="0.2">
      <c r="B377" s="24"/>
      <c r="C377" s="11" t="s">
        <v>770</v>
      </c>
      <c r="D377" s="12" t="s">
        <v>1054</v>
      </c>
      <c r="E377" s="11">
        <v>142034</v>
      </c>
      <c r="F377" s="12" t="s">
        <v>1757</v>
      </c>
      <c r="G377" s="17" t="s">
        <v>743</v>
      </c>
      <c r="H377" s="20">
        <v>1</v>
      </c>
      <c r="I377" s="18">
        <v>0</v>
      </c>
      <c r="J377" s="34"/>
    </row>
    <row r="378" spans="2:10" s="3" customFormat="1" ht="39.75" customHeight="1" x14ac:dyDescent="0.2">
      <c r="B378" s="24"/>
      <c r="C378" s="11" t="s">
        <v>769</v>
      </c>
      <c r="D378" s="12" t="s">
        <v>1054</v>
      </c>
      <c r="E378" s="11">
        <v>142034</v>
      </c>
      <c r="F378" s="12" t="s">
        <v>1550</v>
      </c>
      <c r="G378" s="17" t="s">
        <v>743</v>
      </c>
      <c r="H378" s="20">
        <v>1</v>
      </c>
      <c r="I378" s="18">
        <v>0</v>
      </c>
      <c r="J378" s="34"/>
    </row>
    <row r="379" spans="2:10" ht="39.75" customHeight="1" x14ac:dyDescent="0.2">
      <c r="B379" s="24"/>
      <c r="C379" s="11" t="s">
        <v>773</v>
      </c>
      <c r="D379" s="12" t="s">
        <v>1054</v>
      </c>
      <c r="E379" s="11">
        <v>142034</v>
      </c>
      <c r="F379" s="12" t="s">
        <v>1551</v>
      </c>
      <c r="G379" s="17" t="s">
        <v>743</v>
      </c>
      <c r="H379" s="20">
        <v>1</v>
      </c>
      <c r="I379" s="18">
        <v>0</v>
      </c>
      <c r="J379" s="34"/>
    </row>
    <row r="380" spans="2:10" ht="39.75" customHeight="1" x14ac:dyDescent="0.2">
      <c r="B380" s="24"/>
      <c r="C380" s="11" t="s">
        <v>785</v>
      </c>
      <c r="D380" s="12" t="s">
        <v>1054</v>
      </c>
      <c r="E380" s="11">
        <v>142034</v>
      </c>
      <c r="F380" s="12" t="s">
        <v>1552</v>
      </c>
      <c r="G380" s="17" t="s">
        <v>743</v>
      </c>
      <c r="H380" s="20">
        <v>1</v>
      </c>
      <c r="I380" s="18">
        <v>0</v>
      </c>
      <c r="J380" s="34" t="s">
        <v>778</v>
      </c>
    </row>
    <row r="381" spans="2:10" ht="39.75" customHeight="1" x14ac:dyDescent="0.2">
      <c r="B381" s="24"/>
      <c r="C381" s="11" t="s">
        <v>795</v>
      </c>
      <c r="D381" s="12" t="s">
        <v>1054</v>
      </c>
      <c r="E381" s="11">
        <v>142034</v>
      </c>
      <c r="F381" s="12" t="s">
        <v>1758</v>
      </c>
      <c r="G381" s="17" t="s">
        <v>743</v>
      </c>
      <c r="H381" s="20">
        <v>3</v>
      </c>
      <c r="I381" s="18">
        <v>0</v>
      </c>
      <c r="J381" s="34"/>
    </row>
    <row r="382" spans="2:10" ht="39.75" customHeight="1" x14ac:dyDescent="0.2">
      <c r="B382" s="24"/>
      <c r="C382" s="11" t="s">
        <v>789</v>
      </c>
      <c r="D382" s="12" t="s">
        <v>1054</v>
      </c>
      <c r="E382" s="11">
        <v>142034</v>
      </c>
      <c r="F382" s="12" t="s">
        <v>1759</v>
      </c>
      <c r="G382" s="17" t="s">
        <v>743</v>
      </c>
      <c r="H382" s="20">
        <v>2</v>
      </c>
      <c r="I382" s="18">
        <v>0</v>
      </c>
      <c r="J382" s="34" t="s">
        <v>778</v>
      </c>
    </row>
    <row r="383" spans="2:10" ht="42.6" customHeight="1" x14ac:dyDescent="0.2">
      <c r="B383" s="24"/>
      <c r="C383" s="11" t="s">
        <v>749</v>
      </c>
      <c r="D383" s="12" t="s">
        <v>1054</v>
      </c>
      <c r="E383" s="11">
        <v>142034</v>
      </c>
      <c r="F383" s="12" t="s">
        <v>1254</v>
      </c>
      <c r="G383" s="17" t="s">
        <v>743</v>
      </c>
      <c r="H383" s="20">
        <v>2</v>
      </c>
      <c r="I383" s="18">
        <v>0</v>
      </c>
      <c r="J383" s="74" t="s">
        <v>747</v>
      </c>
    </row>
    <row r="384" spans="2:10" ht="42.6" customHeight="1" x14ac:dyDescent="0.2">
      <c r="B384" s="24"/>
      <c r="C384" s="11" t="s">
        <v>746</v>
      </c>
      <c r="D384" s="12" t="s">
        <v>1054</v>
      </c>
      <c r="E384" s="11">
        <v>142034</v>
      </c>
      <c r="F384" s="12" t="s">
        <v>1314</v>
      </c>
      <c r="G384" s="17" t="s">
        <v>743</v>
      </c>
      <c r="H384" s="20">
        <v>2</v>
      </c>
      <c r="I384" s="18">
        <v>0</v>
      </c>
      <c r="J384" s="74" t="s">
        <v>747</v>
      </c>
    </row>
    <row r="385" spans="2:10" ht="42.6" customHeight="1" x14ac:dyDescent="0.2">
      <c r="B385" s="24"/>
      <c r="C385" s="11" t="s">
        <v>748</v>
      </c>
      <c r="D385" s="12" t="s">
        <v>1054</v>
      </c>
      <c r="E385" s="11">
        <v>142034</v>
      </c>
      <c r="F385" s="12" t="s">
        <v>1314</v>
      </c>
      <c r="G385" s="17" t="s">
        <v>743</v>
      </c>
      <c r="H385" s="20">
        <v>2</v>
      </c>
      <c r="I385" s="18">
        <v>0</v>
      </c>
      <c r="J385" s="74" t="s">
        <v>747</v>
      </c>
    </row>
    <row r="386" spans="2:10" ht="39.75" customHeight="1" x14ac:dyDescent="0.2">
      <c r="B386" s="24"/>
      <c r="C386" s="11" t="s">
        <v>744</v>
      </c>
      <c r="D386" s="12" t="s">
        <v>1054</v>
      </c>
      <c r="E386" s="11">
        <v>142034</v>
      </c>
      <c r="F386" s="12" t="s">
        <v>1760</v>
      </c>
      <c r="G386" s="17" t="s">
        <v>743</v>
      </c>
      <c r="H386" s="20">
        <v>6</v>
      </c>
      <c r="I386" s="18">
        <v>0</v>
      </c>
      <c r="J386" s="34" t="s">
        <v>745</v>
      </c>
    </row>
    <row r="387" spans="2:10" ht="39.75" customHeight="1" x14ac:dyDescent="0.2">
      <c r="B387" s="24"/>
      <c r="C387" s="11" t="s">
        <v>762</v>
      </c>
      <c r="D387" s="12" t="s">
        <v>1054</v>
      </c>
      <c r="E387" s="11">
        <v>142034</v>
      </c>
      <c r="F387" s="12" t="s">
        <v>1215</v>
      </c>
      <c r="G387" s="17" t="s">
        <v>743</v>
      </c>
      <c r="H387" s="20">
        <v>3</v>
      </c>
      <c r="I387" s="18">
        <v>0</v>
      </c>
      <c r="J387" s="34" t="s">
        <v>763</v>
      </c>
    </row>
    <row r="388" spans="2:10" ht="39.75" customHeight="1" x14ac:dyDescent="0.2">
      <c r="B388" s="24"/>
      <c r="C388" s="11" t="s">
        <v>750</v>
      </c>
      <c r="D388" s="12" t="s">
        <v>1054</v>
      </c>
      <c r="E388" s="11">
        <v>142034</v>
      </c>
      <c r="F388" s="12" t="s">
        <v>1189</v>
      </c>
      <c r="G388" s="17" t="s">
        <v>743</v>
      </c>
      <c r="H388" s="20">
        <v>9</v>
      </c>
      <c r="I388" s="18">
        <v>0</v>
      </c>
      <c r="J388" s="34"/>
    </row>
    <row r="389" spans="2:10" ht="39.75" customHeight="1" x14ac:dyDescent="0.2">
      <c r="B389" s="24"/>
      <c r="C389" s="11" t="s">
        <v>751</v>
      </c>
      <c r="D389" s="12" t="s">
        <v>1054</v>
      </c>
      <c r="E389" s="11">
        <v>142034</v>
      </c>
      <c r="F389" s="12" t="s">
        <v>1189</v>
      </c>
      <c r="G389" s="17" t="s">
        <v>743</v>
      </c>
      <c r="H389" s="20">
        <v>2</v>
      </c>
      <c r="I389" s="18">
        <v>0</v>
      </c>
      <c r="J389" s="34"/>
    </row>
    <row r="390" spans="2:10" ht="39.75" customHeight="1" x14ac:dyDescent="0.2">
      <c r="B390" s="24"/>
      <c r="C390" s="11" t="s">
        <v>752</v>
      </c>
      <c r="D390" s="12" t="s">
        <v>1054</v>
      </c>
      <c r="E390" s="11">
        <v>142034</v>
      </c>
      <c r="F390" s="12" t="s">
        <v>1189</v>
      </c>
      <c r="G390" s="17" t="s">
        <v>743</v>
      </c>
      <c r="H390" s="20">
        <v>10</v>
      </c>
      <c r="I390" s="18">
        <v>0</v>
      </c>
      <c r="J390" s="34"/>
    </row>
    <row r="391" spans="2:10" ht="39.75" customHeight="1" x14ac:dyDescent="0.2">
      <c r="B391" s="24"/>
      <c r="C391" s="11" t="s">
        <v>753</v>
      </c>
      <c r="D391" s="12" t="s">
        <v>1054</v>
      </c>
      <c r="E391" s="11">
        <v>142034</v>
      </c>
      <c r="F391" s="12" t="s">
        <v>1189</v>
      </c>
      <c r="G391" s="17" t="s">
        <v>743</v>
      </c>
      <c r="H391" s="20">
        <v>2</v>
      </c>
      <c r="I391" s="18">
        <v>0</v>
      </c>
      <c r="J391" s="34"/>
    </row>
    <row r="392" spans="2:10" s="4" customFormat="1" ht="39.75" customHeight="1" x14ac:dyDescent="0.2">
      <c r="B392" s="24"/>
      <c r="C392" s="11" t="s">
        <v>754</v>
      </c>
      <c r="D392" s="12" t="s">
        <v>1054</v>
      </c>
      <c r="E392" s="11">
        <v>142034</v>
      </c>
      <c r="F392" s="12" t="s">
        <v>1189</v>
      </c>
      <c r="G392" s="17" t="s">
        <v>743</v>
      </c>
      <c r="H392" s="20">
        <v>6</v>
      </c>
      <c r="I392" s="18">
        <v>0</v>
      </c>
      <c r="J392" s="34"/>
    </row>
    <row r="393" spans="2:10" ht="39.75" customHeight="1" x14ac:dyDescent="0.2">
      <c r="B393" s="24"/>
      <c r="C393" s="11" t="s">
        <v>755</v>
      </c>
      <c r="D393" s="12" t="s">
        <v>1054</v>
      </c>
      <c r="E393" s="11">
        <v>142034</v>
      </c>
      <c r="F393" s="12" t="s">
        <v>1189</v>
      </c>
      <c r="G393" s="17" t="s">
        <v>743</v>
      </c>
      <c r="H393" s="20">
        <v>2</v>
      </c>
      <c r="I393" s="18">
        <v>0</v>
      </c>
      <c r="J393" s="34"/>
    </row>
    <row r="394" spans="2:10" ht="39.75" customHeight="1" x14ac:dyDescent="0.2">
      <c r="B394" s="24"/>
      <c r="C394" s="11" t="s">
        <v>250</v>
      </c>
      <c r="D394" s="12" t="s">
        <v>1054</v>
      </c>
      <c r="E394" s="11">
        <v>142034</v>
      </c>
      <c r="F394" s="12" t="s">
        <v>1255</v>
      </c>
      <c r="G394" s="13" t="s">
        <v>390</v>
      </c>
      <c r="H394" s="20">
        <v>1</v>
      </c>
      <c r="I394" s="18">
        <v>0</v>
      </c>
      <c r="J394" s="34"/>
    </row>
    <row r="395" spans="2:10" ht="39.75" customHeight="1" x14ac:dyDescent="0.2">
      <c r="B395" s="24"/>
      <c r="C395" s="11" t="s">
        <v>781</v>
      </c>
      <c r="D395" s="12" t="s">
        <v>1054</v>
      </c>
      <c r="E395" s="11">
        <v>142034</v>
      </c>
      <c r="F395" s="12" t="s">
        <v>1381</v>
      </c>
      <c r="G395" s="17" t="s">
        <v>743</v>
      </c>
      <c r="H395" s="20">
        <v>2</v>
      </c>
      <c r="I395" s="18">
        <v>0</v>
      </c>
      <c r="J395" s="34"/>
    </row>
    <row r="396" spans="2:10" ht="39.75" customHeight="1" x14ac:dyDescent="0.2">
      <c r="B396" s="24"/>
      <c r="C396" s="11" t="s">
        <v>418</v>
      </c>
      <c r="D396" s="12" t="s">
        <v>1054</v>
      </c>
      <c r="E396" s="11">
        <v>142034</v>
      </c>
      <c r="F396" s="12" t="s">
        <v>1382</v>
      </c>
      <c r="G396" s="17" t="s">
        <v>743</v>
      </c>
      <c r="H396" s="20">
        <v>1</v>
      </c>
      <c r="I396" s="18">
        <v>0</v>
      </c>
      <c r="J396" s="34"/>
    </row>
    <row r="397" spans="2:10" ht="39.75" customHeight="1" x14ac:dyDescent="0.2">
      <c r="B397" s="24"/>
      <c r="C397" s="11" t="s">
        <v>764</v>
      </c>
      <c r="D397" s="12" t="s">
        <v>1054</v>
      </c>
      <c r="E397" s="11">
        <v>142034</v>
      </c>
      <c r="F397" s="12" t="s">
        <v>1648</v>
      </c>
      <c r="G397" s="17" t="s">
        <v>743</v>
      </c>
      <c r="H397" s="20">
        <v>2</v>
      </c>
      <c r="I397" s="18">
        <v>1</v>
      </c>
      <c r="J397" s="34"/>
    </row>
    <row r="398" spans="2:10" ht="39.75" customHeight="1" x14ac:dyDescent="0.2">
      <c r="B398" s="24"/>
      <c r="C398" s="11" t="s">
        <v>783</v>
      </c>
      <c r="D398" s="12" t="s">
        <v>1054</v>
      </c>
      <c r="E398" s="11">
        <v>142034</v>
      </c>
      <c r="F398" s="12" t="s">
        <v>1553</v>
      </c>
      <c r="G398" s="17" t="s">
        <v>743</v>
      </c>
      <c r="H398" s="20">
        <v>2</v>
      </c>
      <c r="I398" s="18">
        <v>0</v>
      </c>
      <c r="J398" s="34" t="s">
        <v>778</v>
      </c>
    </row>
    <row r="399" spans="2:10" ht="39.75" customHeight="1" x14ac:dyDescent="0.2">
      <c r="B399" s="24"/>
      <c r="C399" s="11" t="s">
        <v>187</v>
      </c>
      <c r="D399" s="12" t="s">
        <v>1054</v>
      </c>
      <c r="E399" s="11">
        <v>142034</v>
      </c>
      <c r="F399" s="12" t="s">
        <v>1190</v>
      </c>
      <c r="G399" s="13" t="s">
        <v>390</v>
      </c>
      <c r="H399" s="20">
        <v>1</v>
      </c>
      <c r="I399" s="18">
        <v>0</v>
      </c>
      <c r="J399" s="34"/>
    </row>
    <row r="400" spans="2:10" ht="39.75" customHeight="1" x14ac:dyDescent="0.2">
      <c r="B400" s="24"/>
      <c r="C400" s="11" t="s">
        <v>756</v>
      </c>
      <c r="D400" s="12" t="s">
        <v>1054</v>
      </c>
      <c r="E400" s="11">
        <v>142034</v>
      </c>
      <c r="F400" s="12" t="s">
        <v>1467</v>
      </c>
      <c r="G400" s="17" t="s">
        <v>743</v>
      </c>
      <c r="H400" s="20">
        <v>8</v>
      </c>
      <c r="I400" s="18">
        <v>0</v>
      </c>
      <c r="J400" s="34"/>
    </row>
    <row r="401" spans="2:10" ht="39.75" customHeight="1" x14ac:dyDescent="0.2">
      <c r="B401" s="24"/>
      <c r="C401" s="11" t="s">
        <v>252</v>
      </c>
      <c r="D401" s="12" t="s">
        <v>1054</v>
      </c>
      <c r="E401" s="11">
        <v>142034</v>
      </c>
      <c r="F401" s="12" t="s">
        <v>1191</v>
      </c>
      <c r="G401" s="13" t="s">
        <v>390</v>
      </c>
      <c r="H401" s="20">
        <v>10</v>
      </c>
      <c r="I401" s="18">
        <v>0</v>
      </c>
      <c r="J401" s="33" t="s">
        <v>2080</v>
      </c>
    </row>
    <row r="402" spans="2:10" ht="39.75" customHeight="1" x14ac:dyDescent="0.2">
      <c r="B402" s="24"/>
      <c r="C402" s="11" t="s">
        <v>774</v>
      </c>
      <c r="D402" s="12" t="s">
        <v>1054</v>
      </c>
      <c r="E402" s="11">
        <v>142034</v>
      </c>
      <c r="F402" s="12" t="s">
        <v>1216</v>
      </c>
      <c r="G402" s="17" t="s">
        <v>743</v>
      </c>
      <c r="H402" s="20">
        <v>1</v>
      </c>
      <c r="I402" s="18">
        <v>0</v>
      </c>
      <c r="J402" s="34"/>
    </row>
    <row r="403" spans="2:10" ht="39.75" customHeight="1" x14ac:dyDescent="0.2">
      <c r="B403" s="24"/>
      <c r="C403" s="11" t="s">
        <v>760</v>
      </c>
      <c r="D403" s="12" t="s">
        <v>1054</v>
      </c>
      <c r="E403" s="11">
        <v>142034</v>
      </c>
      <c r="F403" s="12" t="s">
        <v>1315</v>
      </c>
      <c r="G403" s="17" t="s">
        <v>743</v>
      </c>
      <c r="H403" s="20">
        <v>2</v>
      </c>
      <c r="I403" s="18">
        <v>1</v>
      </c>
      <c r="J403" s="34"/>
    </row>
    <row r="404" spans="2:10" ht="39.75" customHeight="1" x14ac:dyDescent="0.2">
      <c r="B404" s="24"/>
      <c r="C404" s="11" t="s">
        <v>767</v>
      </c>
      <c r="D404" s="12" t="s">
        <v>1054</v>
      </c>
      <c r="E404" s="11">
        <v>142034</v>
      </c>
      <c r="F404" s="12" t="s">
        <v>1315</v>
      </c>
      <c r="G404" s="17" t="s">
        <v>743</v>
      </c>
      <c r="H404" s="20">
        <v>1</v>
      </c>
      <c r="I404" s="18">
        <v>0</v>
      </c>
      <c r="J404" s="34"/>
    </row>
    <row r="405" spans="2:10" ht="39.75" customHeight="1" x14ac:dyDescent="0.2">
      <c r="B405" s="24"/>
      <c r="C405" s="11" t="s">
        <v>782</v>
      </c>
      <c r="D405" s="12" t="s">
        <v>1054</v>
      </c>
      <c r="E405" s="11">
        <v>142034</v>
      </c>
      <c r="F405" s="12" t="s">
        <v>1383</v>
      </c>
      <c r="G405" s="17" t="s">
        <v>743</v>
      </c>
      <c r="H405" s="20">
        <v>2</v>
      </c>
      <c r="I405" s="18">
        <v>0</v>
      </c>
      <c r="J405" s="34" t="s">
        <v>778</v>
      </c>
    </row>
    <row r="406" spans="2:10" ht="39.75" customHeight="1" x14ac:dyDescent="0.2">
      <c r="B406" s="24"/>
      <c r="C406" s="17" t="s">
        <v>793</v>
      </c>
      <c r="D406" s="12" t="s">
        <v>1054</v>
      </c>
      <c r="E406" s="11">
        <v>142034</v>
      </c>
      <c r="F406" s="12" t="s">
        <v>1383</v>
      </c>
      <c r="G406" s="17" t="s">
        <v>743</v>
      </c>
      <c r="H406" s="20">
        <v>2</v>
      </c>
      <c r="I406" s="18">
        <v>0</v>
      </c>
      <c r="J406" s="34" t="s">
        <v>794</v>
      </c>
    </row>
    <row r="407" spans="2:10" ht="39.75" customHeight="1" x14ac:dyDescent="0.2">
      <c r="B407" s="24"/>
      <c r="C407" s="11" t="s">
        <v>190</v>
      </c>
      <c r="D407" s="12" t="s">
        <v>1054</v>
      </c>
      <c r="E407" s="11">
        <v>142034</v>
      </c>
      <c r="F407" s="12" t="s">
        <v>1256</v>
      </c>
      <c r="G407" s="13" t="s">
        <v>390</v>
      </c>
      <c r="H407" s="20">
        <v>2</v>
      </c>
      <c r="I407" s="18">
        <v>0</v>
      </c>
      <c r="J407" s="34"/>
    </row>
    <row r="408" spans="2:10" ht="39.75" customHeight="1" x14ac:dyDescent="0.2">
      <c r="B408" s="24"/>
      <c r="C408" s="11" t="s">
        <v>788</v>
      </c>
      <c r="D408" s="12" t="s">
        <v>1054</v>
      </c>
      <c r="E408" s="11">
        <v>142034</v>
      </c>
      <c r="F408" s="12" t="s">
        <v>1649</v>
      </c>
      <c r="G408" s="17" t="s">
        <v>743</v>
      </c>
      <c r="H408" s="20">
        <v>1</v>
      </c>
      <c r="I408" s="18">
        <v>0</v>
      </c>
      <c r="J408" s="34" t="s">
        <v>778</v>
      </c>
    </row>
    <row r="409" spans="2:10" ht="39.75" customHeight="1" x14ac:dyDescent="0.2">
      <c r="B409" s="24"/>
      <c r="C409" s="11" t="s">
        <v>779</v>
      </c>
      <c r="D409" s="12" t="s">
        <v>1054</v>
      </c>
      <c r="E409" s="11">
        <v>142034</v>
      </c>
      <c r="F409" s="12" t="s">
        <v>1217</v>
      </c>
      <c r="G409" s="17" t="s">
        <v>743</v>
      </c>
      <c r="H409" s="20">
        <v>1</v>
      </c>
      <c r="I409" s="18">
        <v>0</v>
      </c>
      <c r="J409" s="34" t="s">
        <v>778</v>
      </c>
    </row>
    <row r="410" spans="2:10" ht="39.75" customHeight="1" x14ac:dyDescent="0.2">
      <c r="B410" s="24"/>
      <c r="C410" s="11" t="s">
        <v>768</v>
      </c>
      <c r="D410" s="12" t="s">
        <v>1054</v>
      </c>
      <c r="E410" s="11">
        <v>142034</v>
      </c>
      <c r="F410" s="12" t="s">
        <v>1650</v>
      </c>
      <c r="G410" s="17" t="s">
        <v>743</v>
      </c>
      <c r="H410" s="20">
        <v>7</v>
      </c>
      <c r="I410" s="18">
        <v>0</v>
      </c>
      <c r="J410" s="34"/>
    </row>
    <row r="411" spans="2:10" ht="39.75" customHeight="1" x14ac:dyDescent="0.2">
      <c r="B411" s="24"/>
      <c r="C411" s="11" t="s">
        <v>796</v>
      </c>
      <c r="D411" s="12" t="s">
        <v>1054</v>
      </c>
      <c r="E411" s="11">
        <v>142034</v>
      </c>
      <c r="F411" s="12" t="s">
        <v>1651</v>
      </c>
      <c r="G411" s="17" t="s">
        <v>743</v>
      </c>
      <c r="H411" s="20">
        <v>1</v>
      </c>
      <c r="I411" s="18">
        <v>0</v>
      </c>
      <c r="J411" s="34"/>
    </row>
    <row r="412" spans="2:10" ht="39.75" customHeight="1" x14ac:dyDescent="0.2">
      <c r="B412" s="24"/>
      <c r="C412" s="11" t="s">
        <v>786</v>
      </c>
      <c r="D412" s="12" t="s">
        <v>1054</v>
      </c>
      <c r="E412" s="11">
        <v>142034</v>
      </c>
      <c r="F412" s="12" t="s">
        <v>1761</v>
      </c>
      <c r="G412" s="17" t="s">
        <v>743</v>
      </c>
      <c r="H412" s="20">
        <v>1</v>
      </c>
      <c r="I412" s="18">
        <v>0</v>
      </c>
      <c r="J412" s="34" t="s">
        <v>778</v>
      </c>
    </row>
    <row r="413" spans="2:10" ht="39.75" customHeight="1" x14ac:dyDescent="0.2">
      <c r="B413" s="24"/>
      <c r="C413" s="11" t="s">
        <v>787</v>
      </c>
      <c r="D413" s="12" t="s">
        <v>1054</v>
      </c>
      <c r="E413" s="11">
        <v>142034</v>
      </c>
      <c r="F413" s="12" t="s">
        <v>1652</v>
      </c>
      <c r="G413" s="17" t="s">
        <v>743</v>
      </c>
      <c r="H413" s="20">
        <v>1</v>
      </c>
      <c r="I413" s="18">
        <v>0</v>
      </c>
      <c r="J413" s="34" t="s">
        <v>778</v>
      </c>
    </row>
    <row r="414" spans="2:10" ht="39.75" customHeight="1" x14ac:dyDescent="0.2">
      <c r="B414" s="24"/>
      <c r="C414" s="11" t="s">
        <v>777</v>
      </c>
      <c r="D414" s="12" t="s">
        <v>1054</v>
      </c>
      <c r="E414" s="11">
        <v>142034</v>
      </c>
      <c r="F414" s="12" t="s">
        <v>1384</v>
      </c>
      <c r="G414" s="17" t="s">
        <v>743</v>
      </c>
      <c r="H414" s="20">
        <v>1</v>
      </c>
      <c r="I414" s="18">
        <v>0</v>
      </c>
      <c r="J414" s="34" t="s">
        <v>778</v>
      </c>
    </row>
    <row r="415" spans="2:10" ht="39.75" customHeight="1" x14ac:dyDescent="0.2">
      <c r="B415" s="24"/>
      <c r="C415" s="11" t="s">
        <v>758</v>
      </c>
      <c r="D415" s="12" t="s">
        <v>1054</v>
      </c>
      <c r="E415" s="11">
        <v>142034</v>
      </c>
      <c r="F415" s="12" t="s">
        <v>1762</v>
      </c>
      <c r="G415" s="17" t="s">
        <v>743</v>
      </c>
      <c r="H415" s="20">
        <v>3</v>
      </c>
      <c r="I415" s="18">
        <v>0</v>
      </c>
      <c r="J415" s="34"/>
    </row>
    <row r="416" spans="2:10" ht="39.75" customHeight="1" x14ac:dyDescent="0.2">
      <c r="B416" s="24"/>
      <c r="C416" s="11" t="s">
        <v>766</v>
      </c>
      <c r="D416" s="12" t="s">
        <v>1054</v>
      </c>
      <c r="E416" s="11">
        <v>142034</v>
      </c>
      <c r="F416" s="12" t="s">
        <v>1257</v>
      </c>
      <c r="G416" s="17" t="s">
        <v>743</v>
      </c>
      <c r="H416" s="20">
        <v>1</v>
      </c>
      <c r="I416" s="18">
        <v>0</v>
      </c>
      <c r="J416" s="34"/>
    </row>
    <row r="417" spans="2:10" ht="39.75" customHeight="1" x14ac:dyDescent="0.2">
      <c r="B417" s="24"/>
      <c r="C417" s="11" t="s">
        <v>765</v>
      </c>
      <c r="D417" s="12" t="s">
        <v>1054</v>
      </c>
      <c r="E417" s="11">
        <v>142034</v>
      </c>
      <c r="F417" s="12" t="s">
        <v>1258</v>
      </c>
      <c r="G417" s="17" t="s">
        <v>743</v>
      </c>
      <c r="H417" s="20">
        <v>1</v>
      </c>
      <c r="I417" s="18">
        <v>0</v>
      </c>
      <c r="J417" s="34"/>
    </row>
    <row r="418" spans="2:10" ht="39.75" customHeight="1" x14ac:dyDescent="0.2">
      <c r="B418" s="24"/>
      <c r="C418" s="11" t="s">
        <v>2078</v>
      </c>
      <c r="D418" s="12" t="s">
        <v>1054</v>
      </c>
      <c r="E418" s="11">
        <v>142034</v>
      </c>
      <c r="F418" s="12" t="s">
        <v>2077</v>
      </c>
      <c r="G418" s="17" t="s">
        <v>743</v>
      </c>
      <c r="H418" s="20">
        <v>2</v>
      </c>
      <c r="I418" s="18">
        <v>1</v>
      </c>
      <c r="J418" s="34" t="s">
        <v>2079</v>
      </c>
    </row>
    <row r="419" spans="2:10" ht="39.75" customHeight="1" x14ac:dyDescent="0.2">
      <c r="B419" s="24"/>
      <c r="C419" s="11" t="s">
        <v>876</v>
      </c>
      <c r="D419" s="12" t="s">
        <v>1055</v>
      </c>
      <c r="E419" s="11">
        <v>142042</v>
      </c>
      <c r="F419" s="12" t="s">
        <v>1385</v>
      </c>
      <c r="G419" s="17" t="s">
        <v>855</v>
      </c>
      <c r="H419" s="20">
        <v>0</v>
      </c>
      <c r="I419" s="18">
        <v>3</v>
      </c>
      <c r="J419" s="34" t="s">
        <v>2083</v>
      </c>
    </row>
    <row r="420" spans="2:10" ht="39.75" customHeight="1" x14ac:dyDescent="0.2">
      <c r="B420" s="24"/>
      <c r="C420" s="11" t="s">
        <v>859</v>
      </c>
      <c r="D420" s="12" t="s">
        <v>1055</v>
      </c>
      <c r="E420" s="11">
        <v>142042</v>
      </c>
      <c r="F420" s="12" t="s">
        <v>1468</v>
      </c>
      <c r="G420" s="17" t="s">
        <v>855</v>
      </c>
      <c r="H420" s="20">
        <v>1</v>
      </c>
      <c r="I420" s="18">
        <v>1</v>
      </c>
      <c r="J420" s="34"/>
    </row>
    <row r="421" spans="2:10" ht="39.75" customHeight="1" x14ac:dyDescent="0.2">
      <c r="B421" s="24"/>
      <c r="C421" s="11" t="s">
        <v>32</v>
      </c>
      <c r="D421" s="12" t="s">
        <v>1055</v>
      </c>
      <c r="E421" s="11">
        <v>142042</v>
      </c>
      <c r="F421" s="12" t="s">
        <v>1653</v>
      </c>
      <c r="G421" s="13" t="s">
        <v>390</v>
      </c>
      <c r="H421" s="20">
        <v>2</v>
      </c>
      <c r="I421" s="18">
        <v>0</v>
      </c>
      <c r="J421" s="34"/>
    </row>
    <row r="422" spans="2:10" ht="39.75" customHeight="1" x14ac:dyDescent="0.2">
      <c r="B422" s="24"/>
      <c r="C422" s="11" t="s">
        <v>860</v>
      </c>
      <c r="D422" s="12" t="s">
        <v>1055</v>
      </c>
      <c r="E422" s="11">
        <v>142042</v>
      </c>
      <c r="F422" s="12" t="s">
        <v>1469</v>
      </c>
      <c r="G422" s="17" t="s">
        <v>855</v>
      </c>
      <c r="H422" s="20">
        <v>1</v>
      </c>
      <c r="I422" s="18">
        <v>1</v>
      </c>
      <c r="J422" s="34"/>
    </row>
    <row r="423" spans="2:10" ht="39.75" customHeight="1" x14ac:dyDescent="0.2">
      <c r="B423" s="24"/>
      <c r="C423" s="11" t="s">
        <v>856</v>
      </c>
      <c r="D423" s="12" t="s">
        <v>1055</v>
      </c>
      <c r="E423" s="11">
        <v>142042</v>
      </c>
      <c r="F423" s="12" t="s">
        <v>1654</v>
      </c>
      <c r="G423" s="17" t="s">
        <v>855</v>
      </c>
      <c r="H423" s="20">
        <v>2</v>
      </c>
      <c r="I423" s="18">
        <v>1</v>
      </c>
      <c r="J423" s="34"/>
    </row>
    <row r="424" spans="2:10" ht="39.75" customHeight="1" x14ac:dyDescent="0.2">
      <c r="B424" s="24"/>
      <c r="C424" s="11" t="s">
        <v>867</v>
      </c>
      <c r="D424" s="12" t="s">
        <v>1055</v>
      </c>
      <c r="E424" s="11">
        <v>142042</v>
      </c>
      <c r="F424" s="12" t="s">
        <v>1218</v>
      </c>
      <c r="G424" s="17" t="s">
        <v>866</v>
      </c>
      <c r="H424" s="20">
        <v>2</v>
      </c>
      <c r="I424" s="18">
        <v>1</v>
      </c>
      <c r="J424" s="34"/>
    </row>
    <row r="425" spans="2:10" ht="39.75" customHeight="1" x14ac:dyDescent="0.2">
      <c r="B425" s="24"/>
      <c r="C425" s="11" t="s">
        <v>878</v>
      </c>
      <c r="D425" s="12" t="s">
        <v>1055</v>
      </c>
      <c r="E425" s="11">
        <v>142042</v>
      </c>
      <c r="F425" s="12" t="s">
        <v>1386</v>
      </c>
      <c r="G425" s="17" t="s">
        <v>855</v>
      </c>
      <c r="H425" s="20">
        <v>0</v>
      </c>
      <c r="I425" s="18">
        <v>1</v>
      </c>
      <c r="J425" s="34"/>
    </row>
    <row r="426" spans="2:10" ht="39.75" customHeight="1" x14ac:dyDescent="0.2">
      <c r="B426" s="24"/>
      <c r="C426" s="11" t="s">
        <v>871</v>
      </c>
      <c r="D426" s="12" t="s">
        <v>1055</v>
      </c>
      <c r="E426" s="11">
        <v>142042</v>
      </c>
      <c r="F426" s="12" t="s">
        <v>1219</v>
      </c>
      <c r="G426" s="17" t="s">
        <v>868</v>
      </c>
      <c r="H426" s="20">
        <v>1</v>
      </c>
      <c r="I426" s="18">
        <v>0</v>
      </c>
      <c r="J426" s="34"/>
    </row>
    <row r="427" spans="2:10" ht="39.75" customHeight="1" x14ac:dyDescent="0.2">
      <c r="B427" s="24"/>
      <c r="C427" s="11" t="s">
        <v>857</v>
      </c>
      <c r="D427" s="12" t="s">
        <v>1055</v>
      </c>
      <c r="E427" s="11">
        <v>142042</v>
      </c>
      <c r="F427" s="12" t="s">
        <v>1655</v>
      </c>
      <c r="G427" s="17" t="s">
        <v>855</v>
      </c>
      <c r="H427" s="20">
        <v>2</v>
      </c>
      <c r="I427" s="18">
        <v>0</v>
      </c>
      <c r="J427" s="34"/>
    </row>
    <row r="428" spans="2:10" ht="39.75" customHeight="1" x14ac:dyDescent="0.2">
      <c r="B428" s="24"/>
      <c r="C428" s="11" t="s">
        <v>877</v>
      </c>
      <c r="D428" s="12" t="s">
        <v>1055</v>
      </c>
      <c r="E428" s="11">
        <v>142042</v>
      </c>
      <c r="F428" s="12" t="s">
        <v>1387</v>
      </c>
      <c r="G428" s="17" t="s">
        <v>855</v>
      </c>
      <c r="H428" s="20">
        <v>1</v>
      </c>
      <c r="I428" s="18">
        <v>1</v>
      </c>
      <c r="J428" s="34"/>
    </row>
    <row r="429" spans="2:10" ht="39.75" customHeight="1" x14ac:dyDescent="0.2">
      <c r="B429" s="24"/>
      <c r="C429" s="11" t="s">
        <v>872</v>
      </c>
      <c r="D429" s="12" t="s">
        <v>1055</v>
      </c>
      <c r="E429" s="11">
        <v>142042</v>
      </c>
      <c r="F429" s="12" t="s">
        <v>873</v>
      </c>
      <c r="G429" s="17" t="s">
        <v>868</v>
      </c>
      <c r="H429" s="20">
        <v>2</v>
      </c>
      <c r="I429" s="18">
        <v>0</v>
      </c>
      <c r="J429" s="34"/>
    </row>
    <row r="430" spans="2:10" ht="39.75" customHeight="1" x14ac:dyDescent="0.2">
      <c r="B430" s="24"/>
      <c r="C430" s="11" t="s">
        <v>193</v>
      </c>
      <c r="D430" s="12" t="s">
        <v>1055</v>
      </c>
      <c r="E430" s="11">
        <v>142042</v>
      </c>
      <c r="F430" s="12" t="s">
        <v>1656</v>
      </c>
      <c r="G430" s="13" t="s">
        <v>390</v>
      </c>
      <c r="H430" s="20">
        <v>2</v>
      </c>
      <c r="I430" s="18">
        <v>0</v>
      </c>
      <c r="J430" s="34"/>
    </row>
    <row r="431" spans="2:10" s="5" customFormat="1" ht="39.75" customHeight="1" x14ac:dyDescent="0.2">
      <c r="B431" s="24"/>
      <c r="C431" s="11" t="s">
        <v>858</v>
      </c>
      <c r="D431" s="12" t="s">
        <v>1055</v>
      </c>
      <c r="E431" s="11">
        <v>142042</v>
      </c>
      <c r="F431" s="12" t="s">
        <v>1259</v>
      </c>
      <c r="G431" s="17" t="s">
        <v>855</v>
      </c>
      <c r="H431" s="20">
        <v>1</v>
      </c>
      <c r="I431" s="18">
        <v>1</v>
      </c>
      <c r="J431" s="34"/>
    </row>
    <row r="432" spans="2:10" s="5" customFormat="1" ht="39.75" customHeight="1" x14ac:dyDescent="0.2">
      <c r="B432" s="24"/>
      <c r="C432" s="11" t="s">
        <v>875</v>
      </c>
      <c r="D432" s="12" t="s">
        <v>1055</v>
      </c>
      <c r="E432" s="11">
        <v>142042</v>
      </c>
      <c r="F432" s="12" t="s">
        <v>1763</v>
      </c>
      <c r="G432" s="17" t="s">
        <v>855</v>
      </c>
      <c r="H432" s="20">
        <v>2</v>
      </c>
      <c r="I432" s="18">
        <v>0</v>
      </c>
      <c r="J432" s="34" t="s">
        <v>2084</v>
      </c>
    </row>
    <row r="433" spans="2:10" ht="39.75" customHeight="1" x14ac:dyDescent="0.2">
      <c r="B433" s="24"/>
      <c r="C433" s="11" t="s">
        <v>874</v>
      </c>
      <c r="D433" s="12" t="s">
        <v>1055</v>
      </c>
      <c r="E433" s="11">
        <v>142042</v>
      </c>
      <c r="F433" s="12" t="s">
        <v>1260</v>
      </c>
      <c r="G433" s="17" t="s">
        <v>868</v>
      </c>
      <c r="H433" s="20">
        <v>2</v>
      </c>
      <c r="I433" s="18">
        <v>1</v>
      </c>
      <c r="J433" s="34"/>
    </row>
    <row r="434" spans="2:10" ht="39.75" customHeight="1" x14ac:dyDescent="0.2">
      <c r="B434" s="24"/>
      <c r="C434" s="11" t="s">
        <v>881</v>
      </c>
      <c r="D434" s="12" t="s">
        <v>1055</v>
      </c>
      <c r="E434" s="11">
        <v>142042</v>
      </c>
      <c r="F434" s="12" t="s">
        <v>1764</v>
      </c>
      <c r="G434" s="17" t="s">
        <v>866</v>
      </c>
      <c r="H434" s="20">
        <v>1</v>
      </c>
      <c r="I434" s="18">
        <v>0</v>
      </c>
      <c r="J434" s="34"/>
    </row>
    <row r="435" spans="2:10" ht="39.75" customHeight="1" x14ac:dyDescent="0.2">
      <c r="B435" s="24"/>
      <c r="C435" s="11" t="s">
        <v>869</v>
      </c>
      <c r="D435" s="12" t="s">
        <v>1055</v>
      </c>
      <c r="E435" s="11">
        <v>142042</v>
      </c>
      <c r="F435" s="12" t="s">
        <v>1554</v>
      </c>
      <c r="G435" s="17" t="s">
        <v>868</v>
      </c>
      <c r="H435" s="20">
        <v>3</v>
      </c>
      <c r="I435" s="18">
        <v>0</v>
      </c>
      <c r="J435" s="34" t="s">
        <v>870</v>
      </c>
    </row>
    <row r="436" spans="2:10" ht="39.75" customHeight="1" x14ac:dyDescent="0.2">
      <c r="B436" s="24"/>
      <c r="C436" s="11" t="s">
        <v>880</v>
      </c>
      <c r="D436" s="12" t="s">
        <v>1055</v>
      </c>
      <c r="E436" s="11">
        <v>142042</v>
      </c>
      <c r="F436" s="12" t="s">
        <v>1470</v>
      </c>
      <c r="G436" s="17" t="s">
        <v>866</v>
      </c>
      <c r="H436" s="20">
        <v>1</v>
      </c>
      <c r="I436" s="18">
        <v>1</v>
      </c>
      <c r="J436" s="34"/>
    </row>
    <row r="437" spans="2:10" ht="39.75" customHeight="1" x14ac:dyDescent="0.2">
      <c r="B437" s="24"/>
      <c r="C437" s="11" t="s">
        <v>879</v>
      </c>
      <c r="D437" s="12" t="s">
        <v>1055</v>
      </c>
      <c r="E437" s="11">
        <v>142042</v>
      </c>
      <c r="F437" s="12" t="s">
        <v>1765</v>
      </c>
      <c r="G437" s="17" t="s">
        <v>866</v>
      </c>
      <c r="H437" s="20">
        <v>1</v>
      </c>
      <c r="I437" s="18">
        <v>0</v>
      </c>
      <c r="J437" s="34"/>
    </row>
    <row r="438" spans="2:10" ht="39.75" customHeight="1" x14ac:dyDescent="0.2">
      <c r="B438" s="24"/>
      <c r="C438" s="11" t="s">
        <v>76</v>
      </c>
      <c r="D438" s="12" t="s">
        <v>1055</v>
      </c>
      <c r="E438" s="11">
        <v>142042</v>
      </c>
      <c r="F438" s="12" t="s">
        <v>1171</v>
      </c>
      <c r="G438" s="13" t="s">
        <v>390</v>
      </c>
      <c r="H438" s="20">
        <v>6</v>
      </c>
      <c r="I438" s="18">
        <v>2</v>
      </c>
      <c r="J438" s="34"/>
    </row>
    <row r="439" spans="2:10" ht="39.75" customHeight="1" x14ac:dyDescent="0.2">
      <c r="B439" s="24"/>
      <c r="C439" s="11" t="s">
        <v>296</v>
      </c>
      <c r="D439" s="12" t="s">
        <v>1055</v>
      </c>
      <c r="E439" s="11">
        <v>142042</v>
      </c>
      <c r="F439" s="12" t="s">
        <v>1471</v>
      </c>
      <c r="G439" s="13" t="s">
        <v>390</v>
      </c>
      <c r="H439" s="20">
        <v>1</v>
      </c>
      <c r="I439" s="18">
        <v>0</v>
      </c>
      <c r="J439" s="34"/>
    </row>
    <row r="440" spans="2:10" ht="39.75" customHeight="1" x14ac:dyDescent="0.2">
      <c r="B440" s="24"/>
      <c r="C440" s="11" t="s">
        <v>865</v>
      </c>
      <c r="D440" s="12" t="s">
        <v>1055</v>
      </c>
      <c r="E440" s="11">
        <v>142042</v>
      </c>
      <c r="F440" s="12" t="s">
        <v>1131</v>
      </c>
      <c r="G440" s="17" t="s">
        <v>855</v>
      </c>
      <c r="H440" s="20">
        <v>1</v>
      </c>
      <c r="I440" s="18">
        <v>0</v>
      </c>
      <c r="J440" s="34"/>
    </row>
    <row r="441" spans="2:10" ht="39.75" customHeight="1" x14ac:dyDescent="0.2">
      <c r="B441" s="24"/>
      <c r="C441" s="11" t="s">
        <v>864</v>
      </c>
      <c r="D441" s="12" t="s">
        <v>1055</v>
      </c>
      <c r="E441" s="11">
        <v>142042</v>
      </c>
      <c r="F441" s="12" t="s">
        <v>1132</v>
      </c>
      <c r="G441" s="17" t="s">
        <v>855</v>
      </c>
      <c r="H441" s="20">
        <v>1</v>
      </c>
      <c r="I441" s="18">
        <v>0</v>
      </c>
      <c r="J441" s="34"/>
    </row>
    <row r="442" spans="2:10" ht="39.75" customHeight="1" x14ac:dyDescent="0.2">
      <c r="B442" s="24"/>
      <c r="C442" s="11" t="s">
        <v>367</v>
      </c>
      <c r="D442" s="12" t="s">
        <v>1055</v>
      </c>
      <c r="E442" s="11">
        <v>142042</v>
      </c>
      <c r="F442" s="12" t="s">
        <v>1472</v>
      </c>
      <c r="G442" s="13" t="s">
        <v>390</v>
      </c>
      <c r="H442" s="20">
        <v>2</v>
      </c>
      <c r="I442" s="18">
        <v>0</v>
      </c>
      <c r="J442" s="33" t="s">
        <v>2080</v>
      </c>
    </row>
    <row r="443" spans="2:10" ht="39.75" customHeight="1" x14ac:dyDescent="0.2">
      <c r="B443" s="24"/>
      <c r="C443" s="11" t="s">
        <v>112</v>
      </c>
      <c r="D443" s="12" t="s">
        <v>1055</v>
      </c>
      <c r="E443" s="11">
        <v>142042</v>
      </c>
      <c r="F443" s="12" t="s">
        <v>1657</v>
      </c>
      <c r="G443" s="13" t="s">
        <v>390</v>
      </c>
      <c r="H443" s="20">
        <v>1</v>
      </c>
      <c r="I443" s="18">
        <v>0</v>
      </c>
      <c r="J443" s="34"/>
    </row>
    <row r="444" spans="2:10" ht="39.75" customHeight="1" x14ac:dyDescent="0.2">
      <c r="B444" s="24"/>
      <c r="C444" s="11" t="s">
        <v>191</v>
      </c>
      <c r="D444" s="12" t="s">
        <v>1055</v>
      </c>
      <c r="E444" s="11">
        <v>142042</v>
      </c>
      <c r="F444" s="12" t="s">
        <v>1220</v>
      </c>
      <c r="G444" s="13" t="s">
        <v>390</v>
      </c>
      <c r="H444" s="20">
        <v>1</v>
      </c>
      <c r="I444" s="18">
        <v>0</v>
      </c>
      <c r="J444" s="34"/>
    </row>
    <row r="445" spans="2:10" ht="39.75" customHeight="1" x14ac:dyDescent="0.2">
      <c r="B445" s="24"/>
      <c r="C445" s="11" t="s">
        <v>192</v>
      </c>
      <c r="D445" s="12" t="s">
        <v>1055</v>
      </c>
      <c r="E445" s="11">
        <v>142042</v>
      </c>
      <c r="F445" s="12" t="s">
        <v>1261</v>
      </c>
      <c r="G445" s="13" t="s">
        <v>390</v>
      </c>
      <c r="H445" s="20">
        <v>2</v>
      </c>
      <c r="I445" s="18">
        <v>0</v>
      </c>
      <c r="J445" s="34"/>
    </row>
    <row r="446" spans="2:10" ht="39.75" customHeight="1" x14ac:dyDescent="0.2">
      <c r="B446" s="24"/>
      <c r="C446" s="11" t="s">
        <v>194</v>
      </c>
      <c r="D446" s="12" t="s">
        <v>1055</v>
      </c>
      <c r="E446" s="11">
        <v>142042</v>
      </c>
      <c r="F446" s="12" t="s">
        <v>1473</v>
      </c>
      <c r="G446" s="13" t="s">
        <v>390</v>
      </c>
      <c r="H446" s="20">
        <v>2</v>
      </c>
      <c r="I446" s="18">
        <v>0</v>
      </c>
      <c r="J446" s="34"/>
    </row>
    <row r="447" spans="2:10" ht="39.75" customHeight="1" x14ac:dyDescent="0.2">
      <c r="B447" s="24"/>
      <c r="C447" s="11" t="s">
        <v>862</v>
      </c>
      <c r="D447" s="12" t="s">
        <v>1055</v>
      </c>
      <c r="E447" s="11">
        <v>142042</v>
      </c>
      <c r="F447" s="12" t="s">
        <v>1221</v>
      </c>
      <c r="G447" s="17" t="s">
        <v>855</v>
      </c>
      <c r="H447" s="20">
        <v>1</v>
      </c>
      <c r="I447" s="18">
        <v>0</v>
      </c>
      <c r="J447" s="34"/>
    </row>
    <row r="448" spans="2:10" ht="39.75" customHeight="1" x14ac:dyDescent="0.2">
      <c r="B448" s="24"/>
      <c r="C448" s="11" t="s">
        <v>261</v>
      </c>
      <c r="D448" s="12" t="s">
        <v>1055</v>
      </c>
      <c r="E448" s="11">
        <v>142042</v>
      </c>
      <c r="F448" s="12" t="s">
        <v>1658</v>
      </c>
      <c r="G448" s="13" t="s">
        <v>390</v>
      </c>
      <c r="H448" s="20">
        <v>1</v>
      </c>
      <c r="I448" s="18">
        <v>0</v>
      </c>
      <c r="J448" s="34" t="s">
        <v>373</v>
      </c>
    </row>
    <row r="449" spans="2:10" ht="39.75" customHeight="1" x14ac:dyDescent="0.2">
      <c r="B449" s="24"/>
      <c r="C449" s="11" t="s">
        <v>861</v>
      </c>
      <c r="D449" s="12" t="s">
        <v>1055</v>
      </c>
      <c r="E449" s="11">
        <v>142042</v>
      </c>
      <c r="F449" s="12" t="s">
        <v>1474</v>
      </c>
      <c r="G449" s="17" t="s">
        <v>855</v>
      </c>
      <c r="H449" s="20">
        <v>2</v>
      </c>
      <c r="I449" s="18">
        <v>2</v>
      </c>
      <c r="J449" s="34"/>
    </row>
    <row r="450" spans="2:10" ht="39.75" customHeight="1" x14ac:dyDescent="0.2">
      <c r="B450" s="24"/>
      <c r="C450" s="11" t="s">
        <v>863</v>
      </c>
      <c r="D450" s="12" t="s">
        <v>1055</v>
      </c>
      <c r="E450" s="11">
        <v>142042</v>
      </c>
      <c r="F450" s="12" t="s">
        <v>1133</v>
      </c>
      <c r="G450" s="17" t="s">
        <v>855</v>
      </c>
      <c r="H450" s="20">
        <v>1</v>
      </c>
      <c r="I450" s="18">
        <v>0</v>
      </c>
      <c r="J450" s="34"/>
    </row>
    <row r="451" spans="2:10" ht="39.75" customHeight="1" x14ac:dyDescent="0.2">
      <c r="B451" s="41"/>
      <c r="C451" s="61" t="s">
        <v>392</v>
      </c>
      <c r="D451" s="19" t="s">
        <v>391</v>
      </c>
      <c r="E451" s="11">
        <v>142051</v>
      </c>
      <c r="F451" s="19" t="s">
        <v>1192</v>
      </c>
      <c r="G451" s="48" t="s">
        <v>391</v>
      </c>
      <c r="H451" s="49">
        <v>6</v>
      </c>
      <c r="I451" s="50">
        <v>14</v>
      </c>
      <c r="J451" s="51" t="s">
        <v>393</v>
      </c>
    </row>
    <row r="452" spans="2:10" ht="39.75" customHeight="1" x14ac:dyDescent="0.2">
      <c r="B452" s="41"/>
      <c r="C452" s="61" t="s">
        <v>397</v>
      </c>
      <c r="D452" s="19" t="s">
        <v>391</v>
      </c>
      <c r="E452" s="11">
        <v>142051</v>
      </c>
      <c r="F452" s="19" t="s">
        <v>1222</v>
      </c>
      <c r="G452" s="48" t="s">
        <v>391</v>
      </c>
      <c r="H452" s="49">
        <v>1</v>
      </c>
      <c r="I452" s="50">
        <v>0</v>
      </c>
      <c r="J452" s="51"/>
    </row>
    <row r="453" spans="2:10" ht="39.75" customHeight="1" x14ac:dyDescent="0.2">
      <c r="B453" s="41"/>
      <c r="C453" s="61" t="s">
        <v>416</v>
      </c>
      <c r="D453" s="19" t="s">
        <v>391</v>
      </c>
      <c r="E453" s="11">
        <v>142051</v>
      </c>
      <c r="F453" s="19" t="s">
        <v>1659</v>
      </c>
      <c r="G453" s="48" t="s">
        <v>391</v>
      </c>
      <c r="H453" s="49">
        <v>1</v>
      </c>
      <c r="I453" s="50">
        <v>0</v>
      </c>
      <c r="J453" s="51"/>
    </row>
    <row r="454" spans="2:10" ht="39.75" customHeight="1" x14ac:dyDescent="0.2">
      <c r="B454" s="24"/>
      <c r="C454" s="11" t="s">
        <v>197</v>
      </c>
      <c r="D454" s="12" t="s">
        <v>1056</v>
      </c>
      <c r="E454" s="11">
        <v>142051</v>
      </c>
      <c r="F454" s="12" t="s">
        <v>1555</v>
      </c>
      <c r="G454" s="13" t="s">
        <v>390</v>
      </c>
      <c r="H454" s="20">
        <v>1</v>
      </c>
      <c r="I454" s="18">
        <v>0</v>
      </c>
      <c r="J454" s="34"/>
    </row>
    <row r="455" spans="2:10" ht="39.75" customHeight="1" x14ac:dyDescent="0.2">
      <c r="B455" s="41"/>
      <c r="C455" s="61" t="s">
        <v>400</v>
      </c>
      <c r="D455" s="19" t="s">
        <v>391</v>
      </c>
      <c r="E455" s="11">
        <v>142051</v>
      </c>
      <c r="F455" s="19" t="s">
        <v>1918</v>
      </c>
      <c r="G455" s="48" t="s">
        <v>391</v>
      </c>
      <c r="H455" s="49">
        <v>2</v>
      </c>
      <c r="I455" s="50">
        <v>0</v>
      </c>
      <c r="J455" s="51"/>
    </row>
    <row r="456" spans="2:10" ht="39.75" customHeight="1" x14ac:dyDescent="0.2">
      <c r="B456" s="24"/>
      <c r="C456" s="11" t="s">
        <v>79</v>
      </c>
      <c r="D456" s="12" t="s">
        <v>1056</v>
      </c>
      <c r="E456" s="11">
        <v>142051</v>
      </c>
      <c r="F456" s="12" t="s">
        <v>1172</v>
      </c>
      <c r="G456" s="13" t="s">
        <v>390</v>
      </c>
      <c r="H456" s="20">
        <v>6</v>
      </c>
      <c r="I456" s="18">
        <v>0</v>
      </c>
      <c r="J456" s="34"/>
    </row>
    <row r="457" spans="2:10" ht="39.75" customHeight="1" x14ac:dyDescent="0.2">
      <c r="B457" s="24"/>
      <c r="C457" s="11" t="s">
        <v>298</v>
      </c>
      <c r="D457" s="12" t="s">
        <v>1056</v>
      </c>
      <c r="E457" s="11">
        <v>142051</v>
      </c>
      <c r="F457" s="12" t="s">
        <v>1388</v>
      </c>
      <c r="G457" s="13" t="s">
        <v>390</v>
      </c>
      <c r="H457" s="20">
        <v>1</v>
      </c>
      <c r="I457" s="18">
        <v>0</v>
      </c>
      <c r="J457" s="34"/>
    </row>
    <row r="458" spans="2:10" ht="39.75" customHeight="1" x14ac:dyDescent="0.2">
      <c r="B458" s="41"/>
      <c r="C458" s="61" t="s">
        <v>418</v>
      </c>
      <c r="D458" s="19" t="s">
        <v>391</v>
      </c>
      <c r="E458" s="11">
        <v>142051</v>
      </c>
      <c r="F458" s="19" t="s">
        <v>1919</v>
      </c>
      <c r="G458" s="48" t="s">
        <v>391</v>
      </c>
      <c r="H458" s="49">
        <v>1</v>
      </c>
      <c r="I458" s="50">
        <v>0</v>
      </c>
      <c r="J458" s="51" t="s">
        <v>419</v>
      </c>
    </row>
    <row r="459" spans="2:10" ht="39.75" customHeight="1" x14ac:dyDescent="0.2">
      <c r="B459" s="41"/>
      <c r="C459" s="61" t="s">
        <v>401</v>
      </c>
      <c r="D459" s="19" t="s">
        <v>391</v>
      </c>
      <c r="E459" s="11">
        <v>142051</v>
      </c>
      <c r="F459" s="19" t="s">
        <v>1766</v>
      </c>
      <c r="G459" s="48" t="s">
        <v>391</v>
      </c>
      <c r="H459" s="49">
        <v>2</v>
      </c>
      <c r="I459" s="50">
        <v>0</v>
      </c>
      <c r="J459" s="51"/>
    </row>
    <row r="460" spans="2:10" ht="39.75" customHeight="1" x14ac:dyDescent="0.2">
      <c r="B460" s="41"/>
      <c r="C460" s="61" t="s">
        <v>423</v>
      </c>
      <c r="D460" s="19" t="s">
        <v>391</v>
      </c>
      <c r="E460" s="11">
        <v>142051</v>
      </c>
      <c r="F460" s="19" t="s">
        <v>1920</v>
      </c>
      <c r="G460" s="48" t="s">
        <v>391</v>
      </c>
      <c r="H460" s="49">
        <v>4</v>
      </c>
      <c r="I460" s="50">
        <v>0</v>
      </c>
      <c r="J460" s="51"/>
    </row>
    <row r="461" spans="2:10" ht="39.75" customHeight="1" x14ac:dyDescent="0.2">
      <c r="B461" s="41"/>
      <c r="C461" s="61" t="s">
        <v>420</v>
      </c>
      <c r="D461" s="19" t="s">
        <v>391</v>
      </c>
      <c r="E461" s="11">
        <v>142051</v>
      </c>
      <c r="F461" s="19" t="s">
        <v>1556</v>
      </c>
      <c r="G461" s="48" t="s">
        <v>391</v>
      </c>
      <c r="H461" s="49">
        <v>2</v>
      </c>
      <c r="I461" s="50">
        <v>0</v>
      </c>
      <c r="J461" s="51"/>
    </row>
    <row r="462" spans="2:10" ht="39.75" customHeight="1" x14ac:dyDescent="0.2">
      <c r="B462" s="41"/>
      <c r="C462" s="61" t="s">
        <v>405</v>
      </c>
      <c r="D462" s="19" t="s">
        <v>391</v>
      </c>
      <c r="E462" s="11">
        <v>142051</v>
      </c>
      <c r="F462" s="19" t="s">
        <v>1921</v>
      </c>
      <c r="G462" s="48" t="s">
        <v>391</v>
      </c>
      <c r="H462" s="49">
        <v>1</v>
      </c>
      <c r="I462" s="50">
        <v>0</v>
      </c>
      <c r="J462" s="51"/>
    </row>
    <row r="463" spans="2:10" ht="39.75" customHeight="1" x14ac:dyDescent="0.2">
      <c r="B463" s="41"/>
      <c r="C463" s="61" t="s">
        <v>398</v>
      </c>
      <c r="D463" s="19" t="s">
        <v>391</v>
      </c>
      <c r="E463" s="11">
        <v>142051</v>
      </c>
      <c r="F463" s="19" t="s">
        <v>1767</v>
      </c>
      <c r="G463" s="48" t="s">
        <v>391</v>
      </c>
      <c r="H463" s="49">
        <v>1</v>
      </c>
      <c r="I463" s="50">
        <v>0</v>
      </c>
      <c r="J463" s="51"/>
    </row>
    <row r="464" spans="2:10" ht="39.75" customHeight="1" x14ac:dyDescent="0.2">
      <c r="B464" s="41"/>
      <c r="C464" s="61" t="s">
        <v>408</v>
      </c>
      <c r="D464" s="19" t="s">
        <v>391</v>
      </c>
      <c r="E464" s="11">
        <v>142051</v>
      </c>
      <c r="F464" s="19" t="s">
        <v>1768</v>
      </c>
      <c r="G464" s="48" t="s">
        <v>391</v>
      </c>
      <c r="H464" s="49">
        <v>1</v>
      </c>
      <c r="I464" s="50">
        <v>0</v>
      </c>
      <c r="J464" s="51"/>
    </row>
    <row r="465" spans="2:10" ht="39.75" customHeight="1" x14ac:dyDescent="0.2">
      <c r="B465" s="24"/>
      <c r="C465" s="11" t="s">
        <v>77</v>
      </c>
      <c r="D465" s="12" t="s">
        <v>1056</v>
      </c>
      <c r="E465" s="11">
        <v>142051</v>
      </c>
      <c r="F465" s="12" t="s">
        <v>1173</v>
      </c>
      <c r="G465" s="13" t="s">
        <v>390</v>
      </c>
      <c r="H465" s="20">
        <v>4</v>
      </c>
      <c r="I465" s="18">
        <v>2</v>
      </c>
      <c r="J465" s="34"/>
    </row>
    <row r="466" spans="2:10" ht="39.75" customHeight="1" x14ac:dyDescent="0.2">
      <c r="B466" s="24"/>
      <c r="C466" s="11" t="s">
        <v>368</v>
      </c>
      <c r="D466" s="12" t="s">
        <v>1056</v>
      </c>
      <c r="E466" s="11">
        <v>142051</v>
      </c>
      <c r="F466" s="12" t="s">
        <v>1769</v>
      </c>
      <c r="G466" s="13" t="s">
        <v>390</v>
      </c>
      <c r="H466" s="20">
        <v>1</v>
      </c>
      <c r="I466" s="18">
        <v>0</v>
      </c>
      <c r="J466" s="33" t="s">
        <v>2080</v>
      </c>
    </row>
    <row r="467" spans="2:10" ht="39.75" customHeight="1" x14ac:dyDescent="0.2">
      <c r="B467" s="24"/>
      <c r="C467" s="11" t="s">
        <v>52</v>
      </c>
      <c r="D467" s="12" t="s">
        <v>1056</v>
      </c>
      <c r="E467" s="11">
        <v>142051</v>
      </c>
      <c r="F467" s="12" t="s">
        <v>1770</v>
      </c>
      <c r="G467" s="13" t="s">
        <v>390</v>
      </c>
      <c r="H467" s="20">
        <v>7</v>
      </c>
      <c r="I467" s="18">
        <v>0</v>
      </c>
      <c r="J467" s="34"/>
    </row>
    <row r="468" spans="2:10" ht="39.75" customHeight="1" x14ac:dyDescent="0.2">
      <c r="B468" s="41"/>
      <c r="C468" s="61" t="s">
        <v>396</v>
      </c>
      <c r="D468" s="19" t="s">
        <v>391</v>
      </c>
      <c r="E468" s="11">
        <v>142051</v>
      </c>
      <c r="F468" s="19" t="s">
        <v>1660</v>
      </c>
      <c r="G468" s="48" t="s">
        <v>391</v>
      </c>
      <c r="H468" s="49">
        <v>2</v>
      </c>
      <c r="I468" s="50">
        <v>0</v>
      </c>
      <c r="J468" s="51"/>
    </row>
    <row r="469" spans="2:10" ht="39.75" customHeight="1" x14ac:dyDescent="0.2">
      <c r="B469" s="41"/>
      <c r="C469" s="61" t="s">
        <v>425</v>
      </c>
      <c r="D469" s="19" t="s">
        <v>391</v>
      </c>
      <c r="E469" s="11">
        <v>142051</v>
      </c>
      <c r="F469" s="19" t="s">
        <v>1262</v>
      </c>
      <c r="G469" s="48" t="s">
        <v>391</v>
      </c>
      <c r="H469" s="49">
        <v>1</v>
      </c>
      <c r="I469" s="50">
        <v>1</v>
      </c>
      <c r="J469" s="51"/>
    </row>
    <row r="470" spans="2:10" ht="39.75" customHeight="1" x14ac:dyDescent="0.2">
      <c r="B470" s="24"/>
      <c r="C470" s="11" t="s">
        <v>10</v>
      </c>
      <c r="D470" s="12" t="s">
        <v>1056</v>
      </c>
      <c r="E470" s="11">
        <v>142051</v>
      </c>
      <c r="F470" s="12" t="s">
        <v>1079</v>
      </c>
      <c r="G470" s="13" t="s">
        <v>390</v>
      </c>
      <c r="H470" s="20">
        <v>2</v>
      </c>
      <c r="I470" s="18">
        <v>0</v>
      </c>
      <c r="J470" s="34"/>
    </row>
    <row r="471" spans="2:10" ht="39.75" customHeight="1" x14ac:dyDescent="0.2">
      <c r="B471" s="24"/>
      <c r="C471" s="11" t="s">
        <v>93</v>
      </c>
      <c r="D471" s="12" t="s">
        <v>1056</v>
      </c>
      <c r="E471" s="11">
        <v>142051</v>
      </c>
      <c r="F471" s="12" t="s">
        <v>1174</v>
      </c>
      <c r="G471" s="13" t="s">
        <v>390</v>
      </c>
      <c r="H471" s="20">
        <v>2</v>
      </c>
      <c r="I471" s="18">
        <v>0</v>
      </c>
      <c r="J471" s="34"/>
    </row>
    <row r="472" spans="2:10" ht="39.75" customHeight="1" x14ac:dyDescent="0.2">
      <c r="B472" s="41"/>
      <c r="C472" s="61" t="s">
        <v>406</v>
      </c>
      <c r="D472" s="19" t="s">
        <v>391</v>
      </c>
      <c r="E472" s="11">
        <v>142051</v>
      </c>
      <c r="F472" s="19" t="s">
        <v>1922</v>
      </c>
      <c r="G472" s="48" t="s">
        <v>391</v>
      </c>
      <c r="H472" s="49">
        <v>2</v>
      </c>
      <c r="I472" s="50">
        <v>0</v>
      </c>
      <c r="J472" s="51"/>
    </row>
    <row r="473" spans="2:10" ht="39.75" customHeight="1" x14ac:dyDescent="0.2">
      <c r="B473" s="41"/>
      <c r="C473" s="61" t="s">
        <v>409</v>
      </c>
      <c r="D473" s="19" t="s">
        <v>391</v>
      </c>
      <c r="E473" s="11">
        <v>142051</v>
      </c>
      <c r="F473" s="19" t="s">
        <v>1661</v>
      </c>
      <c r="G473" s="48" t="s">
        <v>391</v>
      </c>
      <c r="H473" s="49">
        <v>3</v>
      </c>
      <c r="I473" s="50">
        <v>0</v>
      </c>
      <c r="J473" s="51"/>
    </row>
    <row r="474" spans="2:10" ht="39.75" customHeight="1" x14ac:dyDescent="0.2">
      <c r="B474" s="41"/>
      <c r="C474" s="61" t="s">
        <v>410</v>
      </c>
      <c r="D474" s="19" t="s">
        <v>391</v>
      </c>
      <c r="E474" s="11">
        <v>142051</v>
      </c>
      <c r="F474" s="19" t="s">
        <v>1662</v>
      </c>
      <c r="G474" s="48" t="s">
        <v>391</v>
      </c>
      <c r="H474" s="49">
        <v>2</v>
      </c>
      <c r="I474" s="50">
        <v>0</v>
      </c>
      <c r="J474" s="51" t="s">
        <v>411</v>
      </c>
    </row>
    <row r="475" spans="2:10" ht="39.75" customHeight="1" x14ac:dyDescent="0.2">
      <c r="B475" s="41"/>
      <c r="C475" s="61" t="s">
        <v>404</v>
      </c>
      <c r="D475" s="19" t="s">
        <v>391</v>
      </c>
      <c r="E475" s="11">
        <v>142051</v>
      </c>
      <c r="F475" s="19" t="s">
        <v>1263</v>
      </c>
      <c r="G475" s="48" t="s">
        <v>391</v>
      </c>
      <c r="H475" s="49">
        <v>2</v>
      </c>
      <c r="I475" s="50">
        <v>0</v>
      </c>
      <c r="J475" s="51"/>
    </row>
    <row r="476" spans="2:10" ht="39.75" customHeight="1" x14ac:dyDescent="0.2">
      <c r="B476" s="41"/>
      <c r="C476" s="61" t="s">
        <v>402</v>
      </c>
      <c r="D476" s="19" t="s">
        <v>391</v>
      </c>
      <c r="E476" s="11">
        <v>142051</v>
      </c>
      <c r="F476" s="19" t="s">
        <v>1389</v>
      </c>
      <c r="G476" s="48" t="s">
        <v>391</v>
      </c>
      <c r="H476" s="49">
        <v>3</v>
      </c>
      <c r="I476" s="50">
        <v>0</v>
      </c>
      <c r="J476" s="51"/>
    </row>
    <row r="477" spans="2:10" ht="39.75" customHeight="1" x14ac:dyDescent="0.2">
      <c r="B477" s="41"/>
      <c r="C477" s="61" t="s">
        <v>399</v>
      </c>
      <c r="D477" s="19" t="s">
        <v>391</v>
      </c>
      <c r="E477" s="11">
        <v>142051</v>
      </c>
      <c r="F477" s="19" t="s">
        <v>1264</v>
      </c>
      <c r="G477" s="48" t="s">
        <v>391</v>
      </c>
      <c r="H477" s="49">
        <v>2</v>
      </c>
      <c r="I477" s="50">
        <v>0</v>
      </c>
      <c r="J477" s="51"/>
    </row>
    <row r="478" spans="2:10" ht="39.75" customHeight="1" x14ac:dyDescent="0.2">
      <c r="B478" s="41"/>
      <c r="C478" s="61" t="s">
        <v>422</v>
      </c>
      <c r="D478" s="19" t="s">
        <v>391</v>
      </c>
      <c r="E478" s="11">
        <v>142051</v>
      </c>
      <c r="F478" s="19" t="s">
        <v>1390</v>
      </c>
      <c r="G478" s="48" t="s">
        <v>391</v>
      </c>
      <c r="H478" s="49">
        <v>3</v>
      </c>
      <c r="I478" s="50">
        <v>0</v>
      </c>
      <c r="J478" s="51"/>
    </row>
    <row r="479" spans="2:10" ht="39.75" customHeight="1" x14ac:dyDescent="0.2">
      <c r="B479" s="41"/>
      <c r="C479" s="61" t="s">
        <v>403</v>
      </c>
      <c r="D479" s="19" t="s">
        <v>391</v>
      </c>
      <c r="E479" s="11">
        <v>142051</v>
      </c>
      <c r="F479" s="19" t="s">
        <v>1557</v>
      </c>
      <c r="G479" s="48" t="s">
        <v>391</v>
      </c>
      <c r="H479" s="49">
        <v>1</v>
      </c>
      <c r="I479" s="50">
        <v>0</v>
      </c>
      <c r="J479" s="51"/>
    </row>
    <row r="480" spans="2:10" ht="39.75" customHeight="1" x14ac:dyDescent="0.2">
      <c r="B480" s="24"/>
      <c r="C480" s="11" t="s">
        <v>94</v>
      </c>
      <c r="D480" s="12" t="s">
        <v>1056</v>
      </c>
      <c r="E480" s="11">
        <v>142051</v>
      </c>
      <c r="F480" s="12" t="s">
        <v>1175</v>
      </c>
      <c r="G480" s="13" t="s">
        <v>390</v>
      </c>
      <c r="H480" s="20">
        <v>14</v>
      </c>
      <c r="I480" s="18">
        <v>2</v>
      </c>
      <c r="J480" s="34"/>
    </row>
    <row r="481" spans="2:10" ht="39.75" customHeight="1" x14ac:dyDescent="0.2">
      <c r="B481" s="41"/>
      <c r="C481" s="61" t="s">
        <v>394</v>
      </c>
      <c r="D481" s="19" t="s">
        <v>391</v>
      </c>
      <c r="E481" s="11">
        <v>142051</v>
      </c>
      <c r="F481" s="19" t="s">
        <v>1923</v>
      </c>
      <c r="G481" s="48" t="s">
        <v>391</v>
      </c>
      <c r="H481" s="49">
        <v>1</v>
      </c>
      <c r="I481" s="50">
        <v>0</v>
      </c>
      <c r="J481" s="51" t="s">
        <v>395</v>
      </c>
    </row>
    <row r="482" spans="2:10" ht="39.75" customHeight="1" x14ac:dyDescent="0.2">
      <c r="B482" s="41"/>
      <c r="C482" s="61" t="s">
        <v>424</v>
      </c>
      <c r="D482" s="19" t="s">
        <v>391</v>
      </c>
      <c r="E482" s="11">
        <v>142051</v>
      </c>
      <c r="F482" s="19" t="s">
        <v>1475</v>
      </c>
      <c r="G482" s="48" t="s">
        <v>391</v>
      </c>
      <c r="H482" s="49">
        <v>17</v>
      </c>
      <c r="I482" s="50">
        <v>0</v>
      </c>
      <c r="J482" s="51"/>
    </row>
    <row r="483" spans="2:10" ht="39.75" customHeight="1" x14ac:dyDescent="0.2">
      <c r="B483" s="24"/>
      <c r="C483" s="11" t="s">
        <v>326</v>
      </c>
      <c r="D483" s="12" t="s">
        <v>1056</v>
      </c>
      <c r="E483" s="11">
        <v>142051</v>
      </c>
      <c r="F483" s="12" t="s">
        <v>1771</v>
      </c>
      <c r="G483" s="13" t="s">
        <v>390</v>
      </c>
      <c r="H483" s="20">
        <v>1</v>
      </c>
      <c r="I483" s="18">
        <v>0</v>
      </c>
      <c r="J483" s="34"/>
    </row>
    <row r="484" spans="2:10" ht="39.75" customHeight="1" x14ac:dyDescent="0.2">
      <c r="B484" s="24"/>
      <c r="C484" s="11" t="s">
        <v>297</v>
      </c>
      <c r="D484" s="12" t="s">
        <v>1056</v>
      </c>
      <c r="E484" s="11">
        <v>142051</v>
      </c>
      <c r="F484" s="12" t="s">
        <v>1085</v>
      </c>
      <c r="G484" s="13" t="s">
        <v>390</v>
      </c>
      <c r="H484" s="20">
        <v>0</v>
      </c>
      <c r="I484" s="18">
        <v>1</v>
      </c>
      <c r="J484" s="34"/>
    </row>
    <row r="485" spans="2:10" ht="39.75" customHeight="1" x14ac:dyDescent="0.2">
      <c r="B485" s="41"/>
      <c r="C485" s="61" t="s">
        <v>407</v>
      </c>
      <c r="D485" s="19" t="s">
        <v>391</v>
      </c>
      <c r="E485" s="11">
        <v>142051</v>
      </c>
      <c r="F485" s="19" t="s">
        <v>1558</v>
      </c>
      <c r="G485" s="48" t="s">
        <v>391</v>
      </c>
      <c r="H485" s="49">
        <v>1</v>
      </c>
      <c r="I485" s="50">
        <v>1</v>
      </c>
      <c r="J485" s="51"/>
    </row>
    <row r="486" spans="2:10" ht="39.75" customHeight="1" x14ac:dyDescent="0.2">
      <c r="B486" s="24"/>
      <c r="C486" s="11" t="s">
        <v>200</v>
      </c>
      <c r="D486" s="12" t="s">
        <v>1056</v>
      </c>
      <c r="E486" s="11">
        <v>142051</v>
      </c>
      <c r="F486" s="12" t="s">
        <v>1772</v>
      </c>
      <c r="G486" s="13" t="s">
        <v>390</v>
      </c>
      <c r="H486" s="20">
        <v>2</v>
      </c>
      <c r="I486" s="18">
        <v>0</v>
      </c>
      <c r="J486" s="34"/>
    </row>
    <row r="487" spans="2:10" ht="39.75" customHeight="1" x14ac:dyDescent="0.2">
      <c r="B487" s="41"/>
      <c r="C487" s="61" t="s">
        <v>1924</v>
      </c>
      <c r="D487" s="19" t="s">
        <v>391</v>
      </c>
      <c r="E487" s="11">
        <v>142051</v>
      </c>
      <c r="F487" s="19" t="s">
        <v>1925</v>
      </c>
      <c r="G487" s="48" t="s">
        <v>391</v>
      </c>
      <c r="H487" s="49">
        <v>5</v>
      </c>
      <c r="I487" s="50">
        <v>0</v>
      </c>
      <c r="J487" s="51"/>
    </row>
    <row r="488" spans="2:10" ht="39.75" customHeight="1" x14ac:dyDescent="0.2">
      <c r="B488" s="41"/>
      <c r="C488" s="61" t="s">
        <v>1926</v>
      </c>
      <c r="D488" s="19" t="s">
        <v>391</v>
      </c>
      <c r="E488" s="11">
        <v>142051</v>
      </c>
      <c r="F488" s="19" t="s">
        <v>1559</v>
      </c>
      <c r="G488" s="48" t="s">
        <v>391</v>
      </c>
      <c r="H488" s="49">
        <v>2</v>
      </c>
      <c r="I488" s="50">
        <v>0</v>
      </c>
      <c r="J488" s="51"/>
    </row>
    <row r="489" spans="2:10" ht="39.75" customHeight="1" x14ac:dyDescent="0.2">
      <c r="B489" s="41"/>
      <c r="C489" s="61" t="s">
        <v>417</v>
      </c>
      <c r="D489" s="19" t="s">
        <v>391</v>
      </c>
      <c r="E489" s="11">
        <v>142051</v>
      </c>
      <c r="F489" s="19" t="s">
        <v>1927</v>
      </c>
      <c r="G489" s="48" t="s">
        <v>391</v>
      </c>
      <c r="H489" s="49">
        <v>1</v>
      </c>
      <c r="I489" s="50">
        <v>0</v>
      </c>
      <c r="J489" s="51"/>
    </row>
    <row r="490" spans="2:10" ht="39.75" customHeight="1" x14ac:dyDescent="0.2">
      <c r="B490" s="41"/>
      <c r="C490" s="61" t="s">
        <v>1928</v>
      </c>
      <c r="D490" s="19" t="s">
        <v>391</v>
      </c>
      <c r="E490" s="11">
        <v>142051</v>
      </c>
      <c r="F490" s="19" t="s">
        <v>1476</v>
      </c>
      <c r="G490" s="48" t="s">
        <v>391</v>
      </c>
      <c r="H490" s="49">
        <v>4</v>
      </c>
      <c r="I490" s="50">
        <v>0</v>
      </c>
      <c r="J490" s="51"/>
    </row>
    <row r="491" spans="2:10" ht="39.75" customHeight="1" x14ac:dyDescent="0.2">
      <c r="B491" s="24"/>
      <c r="C491" s="11" t="s">
        <v>195</v>
      </c>
      <c r="D491" s="12" t="s">
        <v>1056</v>
      </c>
      <c r="E491" s="11">
        <v>142051</v>
      </c>
      <c r="F491" s="12" t="s">
        <v>1824</v>
      </c>
      <c r="G491" s="13" t="s">
        <v>390</v>
      </c>
      <c r="H491" s="20">
        <v>3</v>
      </c>
      <c r="I491" s="18">
        <v>1</v>
      </c>
      <c r="J491" s="34"/>
    </row>
    <row r="492" spans="2:10" ht="39.75" customHeight="1" x14ac:dyDescent="0.2">
      <c r="B492" s="24"/>
      <c r="C492" s="11" t="s">
        <v>345</v>
      </c>
      <c r="D492" s="12" t="s">
        <v>1056</v>
      </c>
      <c r="E492" s="11">
        <v>142051</v>
      </c>
      <c r="F492" s="12" t="s">
        <v>1134</v>
      </c>
      <c r="G492" s="13" t="s">
        <v>390</v>
      </c>
      <c r="H492" s="20">
        <v>1</v>
      </c>
      <c r="I492" s="18">
        <v>0</v>
      </c>
      <c r="J492" s="34"/>
    </row>
    <row r="493" spans="2:10" ht="39.75" customHeight="1" x14ac:dyDescent="0.2">
      <c r="B493" s="41"/>
      <c r="C493" s="61" t="s">
        <v>1929</v>
      </c>
      <c r="D493" s="19" t="s">
        <v>391</v>
      </c>
      <c r="E493" s="11">
        <v>142051</v>
      </c>
      <c r="F493" s="19" t="s">
        <v>1223</v>
      </c>
      <c r="G493" s="48" t="s">
        <v>391</v>
      </c>
      <c r="H493" s="49">
        <v>2</v>
      </c>
      <c r="I493" s="50">
        <v>0</v>
      </c>
      <c r="J493" s="51"/>
    </row>
    <row r="494" spans="2:10" ht="39.75" customHeight="1" x14ac:dyDescent="0.2">
      <c r="B494" s="41"/>
      <c r="C494" s="61" t="s">
        <v>1930</v>
      </c>
      <c r="D494" s="19" t="s">
        <v>391</v>
      </c>
      <c r="E494" s="11">
        <v>142051</v>
      </c>
      <c r="F494" s="19" t="s">
        <v>1663</v>
      </c>
      <c r="G494" s="48" t="s">
        <v>391</v>
      </c>
      <c r="H494" s="49">
        <v>3</v>
      </c>
      <c r="I494" s="50">
        <v>0</v>
      </c>
      <c r="J494" s="51"/>
    </row>
    <row r="495" spans="2:10" ht="39.75" customHeight="1" x14ac:dyDescent="0.2">
      <c r="B495" s="41"/>
      <c r="C495" s="61" t="s">
        <v>421</v>
      </c>
      <c r="D495" s="19" t="s">
        <v>391</v>
      </c>
      <c r="E495" s="11">
        <v>142051</v>
      </c>
      <c r="F495" s="19" t="s">
        <v>1316</v>
      </c>
      <c r="G495" s="48" t="s">
        <v>391</v>
      </c>
      <c r="H495" s="49">
        <v>2</v>
      </c>
      <c r="I495" s="50">
        <v>0</v>
      </c>
      <c r="J495" s="51"/>
    </row>
    <row r="496" spans="2:10" ht="39.75" customHeight="1" x14ac:dyDescent="0.2">
      <c r="B496" s="24"/>
      <c r="C496" s="11" t="s">
        <v>26</v>
      </c>
      <c r="D496" s="12" t="s">
        <v>1056</v>
      </c>
      <c r="E496" s="11">
        <v>142051</v>
      </c>
      <c r="F496" s="12" t="s">
        <v>1135</v>
      </c>
      <c r="G496" s="13" t="s">
        <v>390</v>
      </c>
      <c r="H496" s="20">
        <v>2</v>
      </c>
      <c r="I496" s="18">
        <v>0</v>
      </c>
      <c r="J496" s="34"/>
    </row>
    <row r="497" spans="2:10" ht="39.75" customHeight="1" x14ac:dyDescent="0.2">
      <c r="B497" s="24"/>
      <c r="C497" s="11" t="s">
        <v>27</v>
      </c>
      <c r="D497" s="12" t="s">
        <v>1056</v>
      </c>
      <c r="E497" s="11">
        <v>142051</v>
      </c>
      <c r="F497" s="12" t="s">
        <v>1135</v>
      </c>
      <c r="G497" s="13" t="s">
        <v>390</v>
      </c>
      <c r="H497" s="20">
        <v>14</v>
      </c>
      <c r="I497" s="18">
        <v>0</v>
      </c>
      <c r="J497" s="34"/>
    </row>
    <row r="498" spans="2:10" ht="39.75" customHeight="1" x14ac:dyDescent="0.2">
      <c r="B498" s="24"/>
      <c r="C498" s="11" t="s">
        <v>28</v>
      </c>
      <c r="D498" s="12" t="s">
        <v>1056</v>
      </c>
      <c r="E498" s="11">
        <v>142051</v>
      </c>
      <c r="F498" s="12" t="s">
        <v>1135</v>
      </c>
      <c r="G498" s="13" t="s">
        <v>390</v>
      </c>
      <c r="H498" s="20">
        <v>4</v>
      </c>
      <c r="I498" s="18">
        <v>0</v>
      </c>
      <c r="J498" s="34"/>
    </row>
    <row r="499" spans="2:10" ht="39.75" customHeight="1" x14ac:dyDescent="0.2">
      <c r="B499" s="24"/>
      <c r="C499" s="11" t="s">
        <v>29</v>
      </c>
      <c r="D499" s="12" t="s">
        <v>1056</v>
      </c>
      <c r="E499" s="11">
        <v>142051</v>
      </c>
      <c r="F499" s="12" t="s">
        <v>1135</v>
      </c>
      <c r="G499" s="13" t="s">
        <v>390</v>
      </c>
      <c r="H499" s="20">
        <v>2</v>
      </c>
      <c r="I499" s="18">
        <v>0</v>
      </c>
      <c r="J499" s="34"/>
    </row>
    <row r="500" spans="2:10" ht="39.75" customHeight="1" x14ac:dyDescent="0.2">
      <c r="B500" s="41"/>
      <c r="C500" s="61" t="s">
        <v>1931</v>
      </c>
      <c r="D500" s="19" t="s">
        <v>391</v>
      </c>
      <c r="E500" s="11">
        <v>142051</v>
      </c>
      <c r="F500" s="19" t="s">
        <v>1391</v>
      </c>
      <c r="G500" s="48" t="s">
        <v>391</v>
      </c>
      <c r="H500" s="49">
        <v>0</v>
      </c>
      <c r="I500" s="50">
        <v>1</v>
      </c>
      <c r="J500" s="51"/>
    </row>
    <row r="501" spans="2:10" ht="39.75" customHeight="1" x14ac:dyDescent="0.2">
      <c r="B501" s="24"/>
      <c r="C501" s="11" t="s">
        <v>198</v>
      </c>
      <c r="D501" s="12" t="s">
        <v>1056</v>
      </c>
      <c r="E501" s="11">
        <v>142051</v>
      </c>
      <c r="F501" s="12" t="s">
        <v>1392</v>
      </c>
      <c r="G501" s="13" t="s">
        <v>390</v>
      </c>
      <c r="H501" s="20">
        <v>1</v>
      </c>
      <c r="I501" s="18">
        <v>0</v>
      </c>
      <c r="J501" s="34"/>
    </row>
    <row r="502" spans="2:10" ht="39.75" customHeight="1" x14ac:dyDescent="0.2">
      <c r="B502" s="24"/>
      <c r="C502" s="11" t="s">
        <v>196</v>
      </c>
      <c r="D502" s="12" t="s">
        <v>1056</v>
      </c>
      <c r="E502" s="11">
        <v>142051</v>
      </c>
      <c r="F502" s="12" t="s">
        <v>1664</v>
      </c>
      <c r="G502" s="13" t="s">
        <v>390</v>
      </c>
      <c r="H502" s="20">
        <v>2</v>
      </c>
      <c r="I502" s="18">
        <v>0</v>
      </c>
      <c r="J502" s="34"/>
    </row>
    <row r="503" spans="2:10" ht="39.75" customHeight="1" x14ac:dyDescent="0.2">
      <c r="B503" s="41"/>
      <c r="C503" s="61" t="s">
        <v>1932</v>
      </c>
      <c r="D503" s="19" t="s">
        <v>391</v>
      </c>
      <c r="E503" s="11">
        <v>142051</v>
      </c>
      <c r="F503" s="19" t="s">
        <v>1560</v>
      </c>
      <c r="G503" s="48" t="s">
        <v>391</v>
      </c>
      <c r="H503" s="49">
        <v>2</v>
      </c>
      <c r="I503" s="50">
        <v>0</v>
      </c>
      <c r="J503" s="51"/>
    </row>
    <row r="504" spans="2:10" ht="39.75" customHeight="1" x14ac:dyDescent="0.2">
      <c r="B504" s="41"/>
      <c r="C504" s="61" t="s">
        <v>1933</v>
      </c>
      <c r="D504" s="19" t="s">
        <v>391</v>
      </c>
      <c r="E504" s="11">
        <v>142051</v>
      </c>
      <c r="F504" s="19" t="s">
        <v>1934</v>
      </c>
      <c r="G504" s="48" t="s">
        <v>391</v>
      </c>
      <c r="H504" s="49">
        <v>3</v>
      </c>
      <c r="I504" s="50">
        <v>0</v>
      </c>
      <c r="J504" s="51"/>
    </row>
    <row r="505" spans="2:10" ht="39.75" customHeight="1" x14ac:dyDescent="0.2">
      <c r="B505" s="41"/>
      <c r="C505" s="61" t="s">
        <v>1935</v>
      </c>
      <c r="D505" s="19" t="s">
        <v>391</v>
      </c>
      <c r="E505" s="11">
        <v>142051</v>
      </c>
      <c r="F505" s="19" t="s">
        <v>1936</v>
      </c>
      <c r="G505" s="48" t="s">
        <v>391</v>
      </c>
      <c r="H505" s="49">
        <v>3</v>
      </c>
      <c r="I505" s="50">
        <v>0</v>
      </c>
      <c r="J505" s="51" t="s">
        <v>415</v>
      </c>
    </row>
    <row r="506" spans="2:10" ht="39.75" customHeight="1" x14ac:dyDescent="0.2">
      <c r="B506" s="41"/>
      <c r="C506" s="61" t="s">
        <v>1937</v>
      </c>
      <c r="D506" s="19" t="s">
        <v>391</v>
      </c>
      <c r="E506" s="11">
        <v>142051</v>
      </c>
      <c r="F506" s="19" t="s">
        <v>1938</v>
      </c>
      <c r="G506" s="48" t="s">
        <v>391</v>
      </c>
      <c r="H506" s="49">
        <v>4</v>
      </c>
      <c r="I506" s="50">
        <v>0</v>
      </c>
      <c r="J506" s="51"/>
    </row>
    <row r="507" spans="2:10" ht="39.75" customHeight="1" x14ac:dyDescent="0.2">
      <c r="B507" s="24"/>
      <c r="C507" s="11" t="s">
        <v>199</v>
      </c>
      <c r="D507" s="12" t="s">
        <v>1056</v>
      </c>
      <c r="E507" s="11">
        <v>142051</v>
      </c>
      <c r="F507" s="12" t="s">
        <v>1773</v>
      </c>
      <c r="G507" s="13" t="s">
        <v>390</v>
      </c>
      <c r="H507" s="20">
        <v>2</v>
      </c>
      <c r="I507" s="18">
        <v>0</v>
      </c>
      <c r="J507" s="34"/>
    </row>
    <row r="508" spans="2:10" ht="39.75" customHeight="1" x14ac:dyDescent="0.2">
      <c r="B508" s="41"/>
      <c r="C508" s="61" t="s">
        <v>1939</v>
      </c>
      <c r="D508" s="19" t="s">
        <v>391</v>
      </c>
      <c r="E508" s="11">
        <v>142051</v>
      </c>
      <c r="F508" s="19" t="s">
        <v>1665</v>
      </c>
      <c r="G508" s="48" t="s">
        <v>391</v>
      </c>
      <c r="H508" s="49">
        <v>1</v>
      </c>
      <c r="I508" s="50">
        <v>0</v>
      </c>
      <c r="J508" s="51" t="s">
        <v>414</v>
      </c>
    </row>
    <row r="509" spans="2:10" ht="39.75" customHeight="1" x14ac:dyDescent="0.2">
      <c r="B509" s="41"/>
      <c r="C509" s="61" t="s">
        <v>413</v>
      </c>
      <c r="D509" s="19" t="s">
        <v>391</v>
      </c>
      <c r="E509" s="11">
        <v>142051</v>
      </c>
      <c r="F509" s="19" t="s">
        <v>1477</v>
      </c>
      <c r="G509" s="48" t="s">
        <v>391</v>
      </c>
      <c r="H509" s="49">
        <v>1</v>
      </c>
      <c r="I509" s="50">
        <v>0</v>
      </c>
      <c r="J509" s="51"/>
    </row>
    <row r="510" spans="2:10" ht="39.75" customHeight="1" x14ac:dyDescent="0.2">
      <c r="B510" s="41"/>
      <c r="C510" s="61" t="s">
        <v>412</v>
      </c>
      <c r="D510" s="19" t="s">
        <v>391</v>
      </c>
      <c r="E510" s="11">
        <v>142051</v>
      </c>
      <c r="F510" s="19" t="s">
        <v>1940</v>
      </c>
      <c r="G510" s="48" t="s">
        <v>391</v>
      </c>
      <c r="H510" s="49">
        <v>2</v>
      </c>
      <c r="I510" s="50">
        <v>0</v>
      </c>
      <c r="J510" s="51"/>
    </row>
    <row r="511" spans="2:10" ht="39.75" customHeight="1" x14ac:dyDescent="0.2">
      <c r="B511" s="41"/>
      <c r="C511" s="61" t="s">
        <v>817</v>
      </c>
      <c r="D511" s="19" t="s">
        <v>809</v>
      </c>
      <c r="E511" s="11">
        <v>142069</v>
      </c>
      <c r="F511" s="19" t="s">
        <v>1941</v>
      </c>
      <c r="G511" s="48" t="s">
        <v>809</v>
      </c>
      <c r="H511" s="49">
        <v>1</v>
      </c>
      <c r="I511" s="50">
        <v>0</v>
      </c>
      <c r="J511" s="51"/>
    </row>
    <row r="512" spans="2:10" ht="39.75" customHeight="1" x14ac:dyDescent="0.2">
      <c r="B512" s="24"/>
      <c r="C512" s="11" t="s">
        <v>17</v>
      </c>
      <c r="D512" s="12" t="s">
        <v>1057</v>
      </c>
      <c r="E512" s="11">
        <v>142069</v>
      </c>
      <c r="F512" s="12" t="s">
        <v>1666</v>
      </c>
      <c r="G512" s="13" t="s">
        <v>390</v>
      </c>
      <c r="H512" s="20">
        <v>1</v>
      </c>
      <c r="I512" s="18">
        <v>0</v>
      </c>
      <c r="J512" s="34"/>
    </row>
    <row r="513" spans="2:10" ht="39.75" customHeight="1" x14ac:dyDescent="0.2">
      <c r="B513" s="41"/>
      <c r="C513" s="61" t="s">
        <v>813</v>
      </c>
      <c r="D513" s="19" t="s">
        <v>812</v>
      </c>
      <c r="E513" s="11">
        <v>142069</v>
      </c>
      <c r="F513" s="19" t="s">
        <v>1942</v>
      </c>
      <c r="G513" s="48" t="s">
        <v>812</v>
      </c>
      <c r="H513" s="49">
        <v>5</v>
      </c>
      <c r="I513" s="50">
        <v>1</v>
      </c>
      <c r="J513" s="51"/>
    </row>
    <row r="514" spans="2:10" ht="39.75" customHeight="1" x14ac:dyDescent="0.2">
      <c r="B514" s="24"/>
      <c r="C514" s="11" t="s">
        <v>302</v>
      </c>
      <c r="D514" s="12" t="s">
        <v>1057</v>
      </c>
      <c r="E514" s="11">
        <v>142069</v>
      </c>
      <c r="F514" s="12" t="s">
        <v>1393</v>
      </c>
      <c r="G514" s="13" t="s">
        <v>390</v>
      </c>
      <c r="H514" s="20">
        <v>2</v>
      </c>
      <c r="I514" s="18">
        <v>0</v>
      </c>
      <c r="J514" s="34"/>
    </row>
    <row r="515" spans="2:10" ht="39.75" customHeight="1" x14ac:dyDescent="0.2">
      <c r="B515" s="41"/>
      <c r="C515" s="61" t="s">
        <v>820</v>
      </c>
      <c r="D515" s="19" t="s">
        <v>809</v>
      </c>
      <c r="E515" s="11">
        <v>142069</v>
      </c>
      <c r="F515" s="19" t="s">
        <v>1943</v>
      </c>
      <c r="G515" s="48" t="s">
        <v>809</v>
      </c>
      <c r="H515" s="49">
        <v>1</v>
      </c>
      <c r="I515" s="50">
        <v>0</v>
      </c>
      <c r="J515" s="51" t="s">
        <v>821</v>
      </c>
    </row>
    <row r="516" spans="2:10" ht="39.75" customHeight="1" x14ac:dyDescent="0.2">
      <c r="B516" s="41"/>
      <c r="C516" s="61" t="s">
        <v>826</v>
      </c>
      <c r="D516" s="19" t="s">
        <v>809</v>
      </c>
      <c r="E516" s="11">
        <v>142069</v>
      </c>
      <c r="F516" s="19" t="s">
        <v>1667</v>
      </c>
      <c r="G516" s="48" t="s">
        <v>809</v>
      </c>
      <c r="H516" s="49">
        <v>2</v>
      </c>
      <c r="I516" s="50">
        <v>0</v>
      </c>
      <c r="J516" s="51"/>
    </row>
    <row r="517" spans="2:10" ht="39.75" customHeight="1" x14ac:dyDescent="0.2">
      <c r="B517" s="41"/>
      <c r="C517" s="61" t="s">
        <v>418</v>
      </c>
      <c r="D517" s="19" t="s">
        <v>809</v>
      </c>
      <c r="E517" s="11">
        <v>142069</v>
      </c>
      <c r="F517" s="19" t="s">
        <v>1668</v>
      </c>
      <c r="G517" s="48" t="s">
        <v>809</v>
      </c>
      <c r="H517" s="49">
        <v>2</v>
      </c>
      <c r="I517" s="50">
        <v>0</v>
      </c>
      <c r="J517" s="51"/>
    </row>
    <row r="518" spans="2:10" ht="39.75" customHeight="1" x14ac:dyDescent="0.2">
      <c r="B518" s="41"/>
      <c r="C518" s="61" t="s">
        <v>838</v>
      </c>
      <c r="D518" s="19" t="s">
        <v>812</v>
      </c>
      <c r="E518" s="11">
        <v>142069</v>
      </c>
      <c r="F518" s="19" t="s">
        <v>1561</v>
      </c>
      <c r="G518" s="48" t="s">
        <v>812</v>
      </c>
      <c r="H518" s="49">
        <v>6</v>
      </c>
      <c r="I518" s="50">
        <v>0</v>
      </c>
      <c r="J518" s="51"/>
    </row>
    <row r="519" spans="2:10" ht="39.75" customHeight="1" x14ac:dyDescent="0.2">
      <c r="B519" s="41"/>
      <c r="C519" s="61" t="s">
        <v>841</v>
      </c>
      <c r="D519" s="19" t="s">
        <v>809</v>
      </c>
      <c r="E519" s="11">
        <v>142069</v>
      </c>
      <c r="F519" s="19" t="s">
        <v>1478</v>
      </c>
      <c r="G519" s="48" t="s">
        <v>809</v>
      </c>
      <c r="H519" s="49">
        <v>0</v>
      </c>
      <c r="I519" s="50">
        <v>5</v>
      </c>
      <c r="J519" s="51"/>
    </row>
    <row r="520" spans="2:10" ht="39.75" customHeight="1" x14ac:dyDescent="0.2">
      <c r="B520" s="24"/>
      <c r="C520" s="11" t="s">
        <v>387</v>
      </c>
      <c r="D520" s="12" t="s">
        <v>1057</v>
      </c>
      <c r="E520" s="11">
        <v>142069</v>
      </c>
      <c r="F520" s="12" t="s">
        <v>1479</v>
      </c>
      <c r="G520" s="13" t="s">
        <v>390</v>
      </c>
      <c r="H520" s="20">
        <v>1</v>
      </c>
      <c r="I520" s="18">
        <v>0</v>
      </c>
      <c r="J520" s="34"/>
    </row>
    <row r="521" spans="2:10" ht="39.75" customHeight="1" x14ac:dyDescent="0.2">
      <c r="B521" s="24"/>
      <c r="C521" s="11" t="s">
        <v>98</v>
      </c>
      <c r="D521" s="12" t="s">
        <v>1057</v>
      </c>
      <c r="E521" s="11">
        <v>142069</v>
      </c>
      <c r="F521" s="12" t="s">
        <v>337</v>
      </c>
      <c r="G521" s="13" t="s">
        <v>390</v>
      </c>
      <c r="H521" s="20">
        <v>8</v>
      </c>
      <c r="I521" s="18">
        <v>0</v>
      </c>
      <c r="J521" s="34"/>
    </row>
    <row r="522" spans="2:10" ht="39.75" customHeight="1" x14ac:dyDescent="0.2">
      <c r="B522" s="41"/>
      <c r="C522" s="61" t="s">
        <v>811</v>
      </c>
      <c r="D522" s="19" t="s">
        <v>809</v>
      </c>
      <c r="E522" s="11">
        <v>142069</v>
      </c>
      <c r="F522" s="19" t="s">
        <v>1944</v>
      </c>
      <c r="G522" s="48" t="s">
        <v>809</v>
      </c>
      <c r="H522" s="49">
        <v>1</v>
      </c>
      <c r="I522" s="50">
        <v>0</v>
      </c>
      <c r="J522" s="51"/>
    </row>
    <row r="523" spans="2:10" ht="39.75" customHeight="1" x14ac:dyDescent="0.2">
      <c r="B523" s="41"/>
      <c r="C523" s="61" t="s">
        <v>827</v>
      </c>
      <c r="D523" s="19" t="s">
        <v>809</v>
      </c>
      <c r="E523" s="11">
        <v>142069</v>
      </c>
      <c r="F523" s="19" t="s">
        <v>1394</v>
      </c>
      <c r="G523" s="48" t="s">
        <v>809</v>
      </c>
      <c r="H523" s="49">
        <v>0</v>
      </c>
      <c r="I523" s="50">
        <v>2</v>
      </c>
      <c r="J523" s="51"/>
    </row>
    <row r="524" spans="2:10" ht="39.75" customHeight="1" x14ac:dyDescent="0.2">
      <c r="B524" s="41"/>
      <c r="C524" s="61" t="s">
        <v>830</v>
      </c>
      <c r="D524" s="19" t="s">
        <v>812</v>
      </c>
      <c r="E524" s="11">
        <v>142069</v>
      </c>
      <c r="F524" s="19" t="s">
        <v>1480</v>
      </c>
      <c r="G524" s="48" t="s">
        <v>812</v>
      </c>
      <c r="H524" s="49">
        <v>0</v>
      </c>
      <c r="I524" s="50">
        <v>4</v>
      </c>
      <c r="J524" s="51"/>
    </row>
    <row r="525" spans="2:10" ht="39.75" customHeight="1" x14ac:dyDescent="0.2">
      <c r="B525" s="24"/>
      <c r="C525" s="11" t="s">
        <v>203</v>
      </c>
      <c r="D525" s="12" t="s">
        <v>1057</v>
      </c>
      <c r="E525" s="11">
        <v>142069</v>
      </c>
      <c r="F525" s="12" t="s">
        <v>1265</v>
      </c>
      <c r="G525" s="13" t="s">
        <v>390</v>
      </c>
      <c r="H525" s="20">
        <v>2</v>
      </c>
      <c r="I525" s="18">
        <v>0</v>
      </c>
      <c r="J525" s="34"/>
    </row>
    <row r="526" spans="2:10" ht="39.75" customHeight="1" x14ac:dyDescent="0.2">
      <c r="B526" s="41"/>
      <c r="C526" s="61" t="s">
        <v>836</v>
      </c>
      <c r="D526" s="19" t="s">
        <v>809</v>
      </c>
      <c r="E526" s="11">
        <v>142069</v>
      </c>
      <c r="F526" s="19" t="s">
        <v>1266</v>
      </c>
      <c r="G526" s="48" t="s">
        <v>809</v>
      </c>
      <c r="H526" s="49">
        <v>2</v>
      </c>
      <c r="I526" s="50">
        <v>0</v>
      </c>
      <c r="J526" s="51"/>
    </row>
    <row r="527" spans="2:10" s="3" customFormat="1" ht="39.75" customHeight="1" x14ac:dyDescent="0.2">
      <c r="B527" s="41"/>
      <c r="C527" s="61" t="s">
        <v>814</v>
      </c>
      <c r="D527" s="19" t="s">
        <v>809</v>
      </c>
      <c r="E527" s="11">
        <v>142069</v>
      </c>
      <c r="F527" s="19" t="s">
        <v>815</v>
      </c>
      <c r="G527" s="48" t="s">
        <v>809</v>
      </c>
      <c r="H527" s="49">
        <v>3</v>
      </c>
      <c r="I527" s="50">
        <v>0</v>
      </c>
      <c r="J527" s="51"/>
    </row>
    <row r="528" spans="2:10" s="3" customFormat="1" ht="39.75" customHeight="1" x14ac:dyDescent="0.2">
      <c r="B528" s="41"/>
      <c r="C528" s="61" t="s">
        <v>810</v>
      </c>
      <c r="D528" s="19" t="s">
        <v>809</v>
      </c>
      <c r="E528" s="11">
        <v>142069</v>
      </c>
      <c r="F528" s="19" t="s">
        <v>1945</v>
      </c>
      <c r="G528" s="48" t="s">
        <v>809</v>
      </c>
      <c r="H528" s="49">
        <v>1</v>
      </c>
      <c r="I528" s="50">
        <v>0</v>
      </c>
      <c r="J528" s="51"/>
    </row>
    <row r="529" spans="2:10" s="3" customFormat="1" ht="39.75" customHeight="1" x14ac:dyDescent="0.2">
      <c r="B529" s="41"/>
      <c r="C529" s="61" t="s">
        <v>816</v>
      </c>
      <c r="D529" s="19" t="s">
        <v>809</v>
      </c>
      <c r="E529" s="11">
        <v>142069</v>
      </c>
      <c r="F529" s="19" t="s">
        <v>1562</v>
      </c>
      <c r="G529" s="48" t="s">
        <v>809</v>
      </c>
      <c r="H529" s="49">
        <v>1</v>
      </c>
      <c r="I529" s="50">
        <v>0</v>
      </c>
      <c r="J529" s="51"/>
    </row>
    <row r="530" spans="2:10" s="3" customFormat="1" ht="39.75" customHeight="1" x14ac:dyDescent="0.2">
      <c r="B530" s="41"/>
      <c r="C530" s="61" t="s">
        <v>844</v>
      </c>
      <c r="D530" s="19" t="s">
        <v>809</v>
      </c>
      <c r="E530" s="11">
        <v>142069</v>
      </c>
      <c r="F530" s="19" t="s">
        <v>1224</v>
      </c>
      <c r="G530" s="48" t="s">
        <v>809</v>
      </c>
      <c r="H530" s="49">
        <v>1</v>
      </c>
      <c r="I530" s="50">
        <v>0</v>
      </c>
      <c r="J530" s="51"/>
    </row>
    <row r="531" spans="2:10" s="3" customFormat="1" ht="39.75" customHeight="1" x14ac:dyDescent="0.2">
      <c r="B531" s="41"/>
      <c r="C531" s="61" t="s">
        <v>818</v>
      </c>
      <c r="D531" s="19" t="s">
        <v>809</v>
      </c>
      <c r="E531" s="11">
        <v>142069</v>
      </c>
      <c r="F531" s="19" t="s">
        <v>1669</v>
      </c>
      <c r="G531" s="48" t="s">
        <v>809</v>
      </c>
      <c r="H531" s="49">
        <v>1</v>
      </c>
      <c r="I531" s="50">
        <v>0</v>
      </c>
      <c r="J531" s="51"/>
    </row>
    <row r="532" spans="2:10" s="3" customFormat="1" ht="39.75" customHeight="1" x14ac:dyDescent="0.2">
      <c r="B532" s="24"/>
      <c r="C532" s="11" t="s">
        <v>43</v>
      </c>
      <c r="D532" s="12" t="s">
        <v>1057</v>
      </c>
      <c r="E532" s="11">
        <v>142069</v>
      </c>
      <c r="F532" s="12" t="s">
        <v>1193</v>
      </c>
      <c r="G532" s="13" t="s">
        <v>390</v>
      </c>
      <c r="H532" s="20">
        <v>3</v>
      </c>
      <c r="I532" s="18">
        <v>2</v>
      </c>
      <c r="J532" s="34"/>
    </row>
    <row r="533" spans="2:10" s="3" customFormat="1" ht="39.75" customHeight="1" x14ac:dyDescent="0.2">
      <c r="B533" s="24"/>
      <c r="C533" s="11" t="s">
        <v>42</v>
      </c>
      <c r="D533" s="12" t="s">
        <v>1057</v>
      </c>
      <c r="E533" s="11">
        <v>142069</v>
      </c>
      <c r="F533" s="12" t="s">
        <v>1225</v>
      </c>
      <c r="G533" s="13" t="s">
        <v>390</v>
      </c>
      <c r="H533" s="20">
        <v>1</v>
      </c>
      <c r="I533" s="18">
        <v>0</v>
      </c>
      <c r="J533" s="34"/>
    </row>
    <row r="534" spans="2:10" s="3" customFormat="1" ht="39.75" customHeight="1" x14ac:dyDescent="0.2">
      <c r="B534" s="41"/>
      <c r="C534" s="61" t="s">
        <v>835</v>
      </c>
      <c r="D534" s="19" t="s">
        <v>812</v>
      </c>
      <c r="E534" s="11">
        <v>142069</v>
      </c>
      <c r="F534" s="19" t="s">
        <v>1946</v>
      </c>
      <c r="G534" s="48" t="s">
        <v>812</v>
      </c>
      <c r="H534" s="49">
        <v>3</v>
      </c>
      <c r="I534" s="50">
        <v>0</v>
      </c>
      <c r="J534" s="51"/>
    </row>
    <row r="535" spans="2:10" s="3" customFormat="1" ht="39.75" customHeight="1" x14ac:dyDescent="0.2">
      <c r="B535" s="41"/>
      <c r="C535" s="61" t="s">
        <v>837</v>
      </c>
      <c r="D535" s="19" t="s">
        <v>809</v>
      </c>
      <c r="E535" s="11">
        <v>142069</v>
      </c>
      <c r="F535" s="19" t="s">
        <v>1947</v>
      </c>
      <c r="G535" s="48" t="s">
        <v>809</v>
      </c>
      <c r="H535" s="49">
        <v>2</v>
      </c>
      <c r="I535" s="50">
        <v>2</v>
      </c>
      <c r="J535" s="51"/>
    </row>
    <row r="536" spans="2:10" s="3" customFormat="1" ht="39.75" customHeight="1" x14ac:dyDescent="0.2">
      <c r="B536" s="41"/>
      <c r="C536" s="61" t="s">
        <v>839</v>
      </c>
      <c r="D536" s="19" t="s">
        <v>812</v>
      </c>
      <c r="E536" s="11">
        <v>142069</v>
      </c>
      <c r="F536" s="19" t="s">
        <v>1267</v>
      </c>
      <c r="G536" s="48" t="s">
        <v>812</v>
      </c>
      <c r="H536" s="49">
        <v>6</v>
      </c>
      <c r="I536" s="50">
        <v>0</v>
      </c>
      <c r="J536" s="51"/>
    </row>
    <row r="537" spans="2:10" s="3" customFormat="1" ht="39.75" customHeight="1" x14ac:dyDescent="0.2">
      <c r="B537" s="41"/>
      <c r="C537" s="61" t="s">
        <v>819</v>
      </c>
      <c r="D537" s="19" t="s">
        <v>809</v>
      </c>
      <c r="E537" s="11">
        <v>142069</v>
      </c>
      <c r="F537" s="19" t="s">
        <v>1948</v>
      </c>
      <c r="G537" s="48" t="s">
        <v>809</v>
      </c>
      <c r="H537" s="49">
        <v>1</v>
      </c>
      <c r="I537" s="50">
        <v>0</v>
      </c>
      <c r="J537" s="51"/>
    </row>
    <row r="538" spans="2:10" s="3" customFormat="1" ht="39.75" customHeight="1" x14ac:dyDescent="0.2">
      <c r="B538" s="41"/>
      <c r="C538" s="61" t="s">
        <v>842</v>
      </c>
      <c r="D538" s="19" t="s">
        <v>809</v>
      </c>
      <c r="E538" s="11">
        <v>142069</v>
      </c>
      <c r="F538" s="19" t="s">
        <v>1670</v>
      </c>
      <c r="G538" s="48" t="s">
        <v>809</v>
      </c>
      <c r="H538" s="49">
        <v>1</v>
      </c>
      <c r="I538" s="50">
        <v>0</v>
      </c>
      <c r="J538" s="51" t="s">
        <v>843</v>
      </c>
    </row>
    <row r="539" spans="2:10" s="3" customFormat="1" ht="39.75" customHeight="1" x14ac:dyDescent="0.2">
      <c r="B539" s="41"/>
      <c r="C539" s="61" t="s">
        <v>828</v>
      </c>
      <c r="D539" s="19" t="s">
        <v>809</v>
      </c>
      <c r="E539" s="11">
        <v>142069</v>
      </c>
      <c r="F539" s="19" t="s">
        <v>829</v>
      </c>
      <c r="G539" s="48" t="s">
        <v>809</v>
      </c>
      <c r="H539" s="49">
        <v>1</v>
      </c>
      <c r="I539" s="50">
        <v>0</v>
      </c>
      <c r="J539" s="51"/>
    </row>
    <row r="540" spans="2:10" s="3" customFormat="1" ht="39.75" customHeight="1" x14ac:dyDescent="0.2">
      <c r="B540" s="41"/>
      <c r="C540" s="61" t="s">
        <v>822</v>
      </c>
      <c r="D540" s="19" t="s">
        <v>809</v>
      </c>
      <c r="E540" s="11">
        <v>142069</v>
      </c>
      <c r="F540" s="19" t="s">
        <v>1317</v>
      </c>
      <c r="G540" s="48" t="s">
        <v>809</v>
      </c>
      <c r="H540" s="49">
        <v>1</v>
      </c>
      <c r="I540" s="50">
        <v>0</v>
      </c>
      <c r="J540" s="51"/>
    </row>
    <row r="541" spans="2:10" s="3" customFormat="1" ht="39.75" customHeight="1" x14ac:dyDescent="0.2">
      <c r="B541" s="41"/>
      <c r="C541" s="61" t="s">
        <v>825</v>
      </c>
      <c r="D541" s="19" t="s">
        <v>812</v>
      </c>
      <c r="E541" s="11">
        <v>142069</v>
      </c>
      <c r="F541" s="19" t="s">
        <v>1949</v>
      </c>
      <c r="G541" s="48" t="s">
        <v>812</v>
      </c>
      <c r="H541" s="49">
        <v>2</v>
      </c>
      <c r="I541" s="50">
        <v>0</v>
      </c>
      <c r="J541" s="51"/>
    </row>
    <row r="542" spans="2:10" s="3" customFormat="1" ht="39.75" customHeight="1" x14ac:dyDescent="0.2">
      <c r="B542" s="41"/>
      <c r="C542" s="61" t="s">
        <v>823</v>
      </c>
      <c r="D542" s="19" t="s">
        <v>812</v>
      </c>
      <c r="E542" s="11">
        <v>142069</v>
      </c>
      <c r="F542" s="19" t="s">
        <v>1950</v>
      </c>
      <c r="G542" s="48" t="s">
        <v>812</v>
      </c>
      <c r="H542" s="49">
        <v>3</v>
      </c>
      <c r="I542" s="50">
        <v>0</v>
      </c>
      <c r="J542" s="51"/>
    </row>
    <row r="543" spans="2:10" s="3" customFormat="1" ht="39.75" customHeight="1" x14ac:dyDescent="0.2">
      <c r="B543" s="41"/>
      <c r="C543" s="61" t="s">
        <v>824</v>
      </c>
      <c r="D543" s="19" t="s">
        <v>812</v>
      </c>
      <c r="E543" s="11">
        <v>142069</v>
      </c>
      <c r="F543" s="19" t="s">
        <v>1951</v>
      </c>
      <c r="G543" s="48" t="s">
        <v>812</v>
      </c>
      <c r="H543" s="49">
        <v>2</v>
      </c>
      <c r="I543" s="50">
        <v>0</v>
      </c>
      <c r="J543" s="51"/>
    </row>
    <row r="544" spans="2:10" s="3" customFormat="1" ht="39.75" customHeight="1" x14ac:dyDescent="0.2">
      <c r="B544" s="24"/>
      <c r="C544" s="11" t="s">
        <v>204</v>
      </c>
      <c r="D544" s="12" t="s">
        <v>1057</v>
      </c>
      <c r="E544" s="11">
        <v>142069</v>
      </c>
      <c r="F544" s="12" t="s">
        <v>1226</v>
      </c>
      <c r="G544" s="13" t="s">
        <v>390</v>
      </c>
      <c r="H544" s="20">
        <v>2</v>
      </c>
      <c r="I544" s="18">
        <v>0</v>
      </c>
      <c r="J544" s="34"/>
    </row>
    <row r="545" spans="2:10" s="3" customFormat="1" ht="39.75" customHeight="1" x14ac:dyDescent="0.2">
      <c r="B545" s="41"/>
      <c r="C545" s="61" t="s">
        <v>840</v>
      </c>
      <c r="D545" s="19" t="s">
        <v>812</v>
      </c>
      <c r="E545" s="11">
        <v>142069</v>
      </c>
      <c r="F545" s="19" t="s">
        <v>1774</v>
      </c>
      <c r="G545" s="48" t="s">
        <v>812</v>
      </c>
      <c r="H545" s="49">
        <v>4</v>
      </c>
      <c r="I545" s="50">
        <v>2</v>
      </c>
      <c r="J545" s="51"/>
    </row>
    <row r="546" spans="2:10" s="3" customFormat="1" ht="39.75" customHeight="1" x14ac:dyDescent="0.2">
      <c r="B546" s="41"/>
      <c r="C546" s="61" t="s">
        <v>834</v>
      </c>
      <c r="D546" s="19" t="s">
        <v>809</v>
      </c>
      <c r="E546" s="11">
        <v>142069</v>
      </c>
      <c r="F546" s="19" t="s">
        <v>1775</v>
      </c>
      <c r="G546" s="48" t="s">
        <v>809</v>
      </c>
      <c r="H546" s="49">
        <v>1</v>
      </c>
      <c r="I546" s="50">
        <v>0</v>
      </c>
      <c r="J546" s="51"/>
    </row>
    <row r="547" spans="2:10" s="3" customFormat="1" ht="39.75" customHeight="1" x14ac:dyDescent="0.2">
      <c r="B547" s="24"/>
      <c r="C547" s="11" t="s">
        <v>201</v>
      </c>
      <c r="D547" s="12" t="s">
        <v>1057</v>
      </c>
      <c r="E547" s="11">
        <v>142069</v>
      </c>
      <c r="F547" s="12" t="s">
        <v>1481</v>
      </c>
      <c r="G547" s="13" t="s">
        <v>390</v>
      </c>
      <c r="H547" s="20">
        <v>2</v>
      </c>
      <c r="I547" s="18">
        <v>0</v>
      </c>
      <c r="J547" s="34"/>
    </row>
    <row r="548" spans="2:10" s="3" customFormat="1" ht="39.75" customHeight="1" x14ac:dyDescent="0.2">
      <c r="B548" s="24"/>
      <c r="C548" s="11" t="s">
        <v>22</v>
      </c>
      <c r="D548" s="12" t="s">
        <v>1057</v>
      </c>
      <c r="E548" s="11">
        <v>142069</v>
      </c>
      <c r="F548" s="12" t="s">
        <v>1482</v>
      </c>
      <c r="G548" s="13" t="s">
        <v>390</v>
      </c>
      <c r="H548" s="20">
        <v>2</v>
      </c>
      <c r="I548" s="18">
        <v>3</v>
      </c>
      <c r="J548" s="34"/>
    </row>
    <row r="549" spans="2:10" s="3" customFormat="1" ht="39.75" customHeight="1" x14ac:dyDescent="0.2">
      <c r="B549" s="41"/>
      <c r="C549" s="61" t="s">
        <v>833</v>
      </c>
      <c r="D549" s="19" t="s">
        <v>809</v>
      </c>
      <c r="E549" s="11">
        <v>142069</v>
      </c>
      <c r="F549" s="19" t="s">
        <v>1952</v>
      </c>
      <c r="G549" s="48" t="s">
        <v>809</v>
      </c>
      <c r="H549" s="49">
        <v>0</v>
      </c>
      <c r="I549" s="50">
        <v>1</v>
      </c>
      <c r="J549" s="51"/>
    </row>
    <row r="550" spans="2:10" s="3" customFormat="1" ht="39.75" customHeight="1" x14ac:dyDescent="0.2">
      <c r="B550" s="24"/>
      <c r="C550" s="11" t="s">
        <v>202</v>
      </c>
      <c r="D550" s="12" t="s">
        <v>1057</v>
      </c>
      <c r="E550" s="11">
        <v>142069</v>
      </c>
      <c r="F550" s="12" t="s">
        <v>1318</v>
      </c>
      <c r="G550" s="13" t="s">
        <v>390</v>
      </c>
      <c r="H550" s="20">
        <v>1</v>
      </c>
      <c r="I550" s="18">
        <v>0</v>
      </c>
      <c r="J550" s="34"/>
    </row>
    <row r="551" spans="2:10" s="3" customFormat="1" ht="39.75" customHeight="1" x14ac:dyDescent="0.2">
      <c r="B551" s="24"/>
      <c r="C551" s="11" t="s">
        <v>68</v>
      </c>
      <c r="D551" s="12" t="s">
        <v>1057</v>
      </c>
      <c r="E551" s="11">
        <v>142069</v>
      </c>
      <c r="F551" s="12" t="s">
        <v>1671</v>
      </c>
      <c r="G551" s="13" t="s">
        <v>390</v>
      </c>
      <c r="H551" s="20">
        <v>1</v>
      </c>
      <c r="I551" s="18">
        <v>0</v>
      </c>
      <c r="J551" s="34"/>
    </row>
    <row r="552" spans="2:10" s="3" customFormat="1" ht="39.75" customHeight="1" x14ac:dyDescent="0.2">
      <c r="B552" s="24"/>
      <c r="C552" s="11" t="s">
        <v>263</v>
      </c>
      <c r="D552" s="12" t="s">
        <v>1057</v>
      </c>
      <c r="E552" s="11">
        <v>142069</v>
      </c>
      <c r="F552" s="12" t="s">
        <v>1776</v>
      </c>
      <c r="G552" s="13" t="s">
        <v>390</v>
      </c>
      <c r="H552" s="20">
        <v>4</v>
      </c>
      <c r="I552" s="18">
        <v>0</v>
      </c>
      <c r="J552" s="34"/>
    </row>
    <row r="553" spans="2:10" s="3" customFormat="1" ht="39.75" customHeight="1" x14ac:dyDescent="0.2">
      <c r="B553" s="41"/>
      <c r="C553" s="61" t="s">
        <v>831</v>
      </c>
      <c r="D553" s="19" t="s">
        <v>809</v>
      </c>
      <c r="E553" s="11">
        <v>142069</v>
      </c>
      <c r="F553" s="19" t="s">
        <v>1953</v>
      </c>
      <c r="G553" s="48" t="s">
        <v>809</v>
      </c>
      <c r="H553" s="49">
        <v>2</v>
      </c>
      <c r="I553" s="50">
        <v>0</v>
      </c>
      <c r="J553" s="51" t="s">
        <v>832</v>
      </c>
    </row>
    <row r="554" spans="2:10" s="3" customFormat="1" ht="39.75" customHeight="1" x14ac:dyDescent="0.2">
      <c r="B554" s="24"/>
      <c r="C554" s="11" t="s">
        <v>72</v>
      </c>
      <c r="D554" s="12" t="s">
        <v>426</v>
      </c>
      <c r="E554" s="11">
        <v>142077</v>
      </c>
      <c r="F554" s="12" t="s">
        <v>329</v>
      </c>
      <c r="G554" s="13" t="s">
        <v>390</v>
      </c>
      <c r="H554" s="20">
        <v>2</v>
      </c>
      <c r="I554" s="18">
        <v>1</v>
      </c>
      <c r="J554" s="34"/>
    </row>
    <row r="555" spans="2:10" s="3" customFormat="1" ht="39.75" customHeight="1" x14ac:dyDescent="0.2">
      <c r="B555" s="24"/>
      <c r="C555" s="11" t="s">
        <v>95</v>
      </c>
      <c r="D555" s="12" t="s">
        <v>426</v>
      </c>
      <c r="E555" s="11">
        <v>142077</v>
      </c>
      <c r="F555" s="12" t="s">
        <v>336</v>
      </c>
      <c r="G555" s="13" t="s">
        <v>390</v>
      </c>
      <c r="H555" s="20">
        <v>12</v>
      </c>
      <c r="I555" s="18">
        <v>0</v>
      </c>
      <c r="J555" s="34"/>
    </row>
    <row r="556" spans="2:10" ht="39.75" customHeight="1" x14ac:dyDescent="0.2">
      <c r="B556" s="24"/>
      <c r="C556" s="11" t="s">
        <v>299</v>
      </c>
      <c r="D556" s="12" t="s">
        <v>426</v>
      </c>
      <c r="E556" s="11">
        <v>142077</v>
      </c>
      <c r="F556" s="12" t="s">
        <v>1483</v>
      </c>
      <c r="G556" s="13" t="s">
        <v>390</v>
      </c>
      <c r="H556" s="20">
        <v>1</v>
      </c>
      <c r="I556" s="18">
        <v>0</v>
      </c>
      <c r="J556" s="34"/>
    </row>
    <row r="557" spans="2:10" ht="39.75" customHeight="1" x14ac:dyDescent="0.2">
      <c r="B557" s="24"/>
      <c r="C557" s="11" t="s">
        <v>369</v>
      </c>
      <c r="D557" s="12" t="s">
        <v>426</v>
      </c>
      <c r="E557" s="11">
        <v>142077</v>
      </c>
      <c r="F557" s="12" t="s">
        <v>1777</v>
      </c>
      <c r="G557" s="13" t="s">
        <v>390</v>
      </c>
      <c r="H557" s="20">
        <v>5</v>
      </c>
      <c r="I557" s="18">
        <v>0</v>
      </c>
      <c r="J557" s="33" t="s">
        <v>2080</v>
      </c>
    </row>
    <row r="558" spans="2:10" ht="39.75" customHeight="1" x14ac:dyDescent="0.2">
      <c r="B558" s="24"/>
      <c r="C558" s="11" t="s">
        <v>455</v>
      </c>
      <c r="D558" s="12" t="s">
        <v>426</v>
      </c>
      <c r="E558" s="11">
        <v>142077</v>
      </c>
      <c r="F558" s="12" t="s">
        <v>456</v>
      </c>
      <c r="G558" s="17" t="s">
        <v>426</v>
      </c>
      <c r="H558" s="20">
        <v>1</v>
      </c>
      <c r="I558" s="18">
        <v>0</v>
      </c>
      <c r="J558" s="34"/>
    </row>
    <row r="559" spans="2:10" ht="39.75" customHeight="1" x14ac:dyDescent="0.2">
      <c r="B559" s="24"/>
      <c r="C559" s="11" t="s">
        <v>113</v>
      </c>
      <c r="D559" s="12" t="s">
        <v>426</v>
      </c>
      <c r="E559" s="11">
        <v>142077</v>
      </c>
      <c r="F559" s="12" t="s">
        <v>1395</v>
      </c>
      <c r="G559" s="13" t="s">
        <v>390</v>
      </c>
      <c r="H559" s="20">
        <v>1</v>
      </c>
      <c r="I559" s="18">
        <v>0</v>
      </c>
      <c r="J559" s="34"/>
    </row>
    <row r="560" spans="2:10" ht="39.75" customHeight="1" x14ac:dyDescent="0.2">
      <c r="B560" s="24"/>
      <c r="C560" s="11" t="s">
        <v>208</v>
      </c>
      <c r="D560" s="12" t="s">
        <v>426</v>
      </c>
      <c r="E560" s="11">
        <v>142077</v>
      </c>
      <c r="F560" s="12" t="s">
        <v>1778</v>
      </c>
      <c r="G560" s="13" t="s">
        <v>390</v>
      </c>
      <c r="H560" s="20">
        <v>2</v>
      </c>
      <c r="I560" s="18">
        <v>0</v>
      </c>
      <c r="J560" s="34"/>
    </row>
    <row r="561" spans="2:10" ht="39.75" customHeight="1" x14ac:dyDescent="0.2">
      <c r="B561" s="24"/>
      <c r="C561" s="11" t="s">
        <v>427</v>
      </c>
      <c r="D561" s="12" t="s">
        <v>426</v>
      </c>
      <c r="E561" s="11">
        <v>142077</v>
      </c>
      <c r="F561" s="12" t="s">
        <v>428</v>
      </c>
      <c r="G561" s="17" t="s">
        <v>426</v>
      </c>
      <c r="H561" s="20">
        <v>5</v>
      </c>
      <c r="I561" s="18">
        <v>2</v>
      </c>
      <c r="J561" s="34"/>
    </row>
    <row r="562" spans="2:10" ht="39.75" customHeight="1" x14ac:dyDescent="0.2">
      <c r="B562" s="24"/>
      <c r="C562" s="11" t="s">
        <v>443</v>
      </c>
      <c r="D562" s="12" t="s">
        <v>426</v>
      </c>
      <c r="E562" s="11">
        <v>142077</v>
      </c>
      <c r="F562" s="12" t="s">
        <v>444</v>
      </c>
      <c r="G562" s="17" t="s">
        <v>426</v>
      </c>
      <c r="H562" s="20">
        <v>4</v>
      </c>
      <c r="I562" s="18">
        <v>0</v>
      </c>
      <c r="J562" s="34"/>
    </row>
    <row r="563" spans="2:10" ht="39.75" customHeight="1" x14ac:dyDescent="0.2">
      <c r="B563" s="24"/>
      <c r="C563" s="11" t="s">
        <v>445</v>
      </c>
      <c r="D563" s="12" t="s">
        <v>426</v>
      </c>
      <c r="E563" s="11">
        <v>142077</v>
      </c>
      <c r="F563" s="12" t="s">
        <v>1136</v>
      </c>
      <c r="G563" s="17" t="s">
        <v>426</v>
      </c>
      <c r="H563" s="20">
        <v>1</v>
      </c>
      <c r="I563" s="18">
        <v>0</v>
      </c>
      <c r="J563" s="34"/>
    </row>
    <row r="564" spans="2:10" ht="39.75" customHeight="1" x14ac:dyDescent="0.2">
      <c r="B564" s="24"/>
      <c r="C564" s="11" t="s">
        <v>459</v>
      </c>
      <c r="D564" s="12" t="s">
        <v>426</v>
      </c>
      <c r="E564" s="11">
        <v>142077</v>
      </c>
      <c r="F564" s="12" t="s">
        <v>460</v>
      </c>
      <c r="G564" s="17" t="s">
        <v>426</v>
      </c>
      <c r="H564" s="20">
        <v>4</v>
      </c>
      <c r="I564" s="18">
        <v>2</v>
      </c>
      <c r="J564" s="34"/>
    </row>
    <row r="565" spans="2:10" ht="39.75" customHeight="1" x14ac:dyDescent="0.2">
      <c r="B565" s="24"/>
      <c r="C565" s="11" t="s">
        <v>462</v>
      </c>
      <c r="D565" s="12" t="s">
        <v>426</v>
      </c>
      <c r="E565" s="11">
        <v>142077</v>
      </c>
      <c r="F565" s="12" t="s">
        <v>463</v>
      </c>
      <c r="G565" s="17" t="s">
        <v>426</v>
      </c>
      <c r="H565" s="20">
        <v>3</v>
      </c>
      <c r="I565" s="18">
        <v>2</v>
      </c>
      <c r="J565" s="34"/>
    </row>
    <row r="566" spans="2:10" ht="39.75" customHeight="1" x14ac:dyDescent="0.2">
      <c r="B566" s="24"/>
      <c r="C566" s="11" t="s">
        <v>446</v>
      </c>
      <c r="D566" s="12" t="s">
        <v>426</v>
      </c>
      <c r="E566" s="11">
        <v>142077</v>
      </c>
      <c r="F566" s="12" t="s">
        <v>447</v>
      </c>
      <c r="G566" s="17" t="s">
        <v>426</v>
      </c>
      <c r="H566" s="20">
        <v>1</v>
      </c>
      <c r="I566" s="18">
        <v>0</v>
      </c>
      <c r="J566" s="34"/>
    </row>
    <row r="567" spans="2:10" ht="39.75" customHeight="1" x14ac:dyDescent="0.2">
      <c r="B567" s="24"/>
      <c r="C567" s="11" t="s">
        <v>465</v>
      </c>
      <c r="D567" s="12" t="s">
        <v>426</v>
      </c>
      <c r="E567" s="11">
        <v>142077</v>
      </c>
      <c r="F567" s="12" t="s">
        <v>466</v>
      </c>
      <c r="G567" s="17" t="s">
        <v>426</v>
      </c>
      <c r="H567" s="20">
        <v>2</v>
      </c>
      <c r="I567" s="18">
        <v>0</v>
      </c>
      <c r="J567" s="34" t="s">
        <v>467</v>
      </c>
    </row>
    <row r="568" spans="2:10" ht="39.75" customHeight="1" x14ac:dyDescent="0.2">
      <c r="B568" s="24"/>
      <c r="C568" s="11" t="s">
        <v>448</v>
      </c>
      <c r="D568" s="12" t="s">
        <v>426</v>
      </c>
      <c r="E568" s="11">
        <v>142077</v>
      </c>
      <c r="F568" s="12" t="s">
        <v>449</v>
      </c>
      <c r="G568" s="17" t="s">
        <v>426</v>
      </c>
      <c r="H568" s="20">
        <v>3</v>
      </c>
      <c r="I568" s="18">
        <v>0</v>
      </c>
      <c r="J568" s="34"/>
    </row>
    <row r="569" spans="2:10" ht="39.75" customHeight="1" x14ac:dyDescent="0.2">
      <c r="B569" s="24"/>
      <c r="C569" s="11" t="s">
        <v>450</v>
      </c>
      <c r="D569" s="12" t="s">
        <v>426</v>
      </c>
      <c r="E569" s="11">
        <v>142077</v>
      </c>
      <c r="F569" s="12" t="s">
        <v>451</v>
      </c>
      <c r="G569" s="17" t="s">
        <v>426</v>
      </c>
      <c r="H569" s="20">
        <v>9</v>
      </c>
      <c r="I569" s="18">
        <v>0</v>
      </c>
      <c r="J569" s="34"/>
    </row>
    <row r="570" spans="2:10" ht="39.75" customHeight="1" x14ac:dyDescent="0.2">
      <c r="B570" s="24"/>
      <c r="C570" s="11" t="s">
        <v>464</v>
      </c>
      <c r="D570" s="12" t="s">
        <v>426</v>
      </c>
      <c r="E570" s="11">
        <v>142077</v>
      </c>
      <c r="F570" s="12" t="s">
        <v>451</v>
      </c>
      <c r="G570" s="17" t="s">
        <v>426</v>
      </c>
      <c r="H570" s="20">
        <v>3</v>
      </c>
      <c r="I570" s="18">
        <v>0</v>
      </c>
      <c r="J570" s="34"/>
    </row>
    <row r="571" spans="2:10" ht="39.75" customHeight="1" x14ac:dyDescent="0.2">
      <c r="B571" s="24"/>
      <c r="C571" s="11" t="s">
        <v>461</v>
      </c>
      <c r="D571" s="12" t="s">
        <v>426</v>
      </c>
      <c r="E571" s="11">
        <v>142077</v>
      </c>
      <c r="F571" s="12" t="s">
        <v>1137</v>
      </c>
      <c r="G571" s="17" t="s">
        <v>426</v>
      </c>
      <c r="H571" s="20">
        <v>2</v>
      </c>
      <c r="I571" s="18">
        <v>0</v>
      </c>
      <c r="J571" s="34"/>
    </row>
    <row r="572" spans="2:10" ht="39.75" customHeight="1" x14ac:dyDescent="0.2">
      <c r="B572" s="24"/>
      <c r="C572" s="11" t="s">
        <v>207</v>
      </c>
      <c r="D572" s="12" t="s">
        <v>426</v>
      </c>
      <c r="E572" s="11">
        <v>142077</v>
      </c>
      <c r="F572" s="12" t="s">
        <v>1138</v>
      </c>
      <c r="G572" s="13" t="s">
        <v>390</v>
      </c>
      <c r="H572" s="20">
        <v>2</v>
      </c>
      <c r="I572" s="18">
        <v>2</v>
      </c>
      <c r="J572" s="34"/>
    </row>
    <row r="573" spans="2:10" ht="39.75" customHeight="1" x14ac:dyDescent="0.2">
      <c r="B573" s="24"/>
      <c r="C573" s="11" t="s">
        <v>206</v>
      </c>
      <c r="D573" s="12" t="s">
        <v>426</v>
      </c>
      <c r="E573" s="11">
        <v>142077</v>
      </c>
      <c r="F573" s="12" t="s">
        <v>1396</v>
      </c>
      <c r="G573" s="13" t="s">
        <v>390</v>
      </c>
      <c r="H573" s="20">
        <v>2</v>
      </c>
      <c r="I573" s="18">
        <v>0</v>
      </c>
      <c r="J573" s="34"/>
    </row>
    <row r="574" spans="2:10" ht="39.75" customHeight="1" x14ac:dyDescent="0.2">
      <c r="B574" s="24"/>
      <c r="C574" s="11" t="s">
        <v>473</v>
      </c>
      <c r="D574" s="12" t="s">
        <v>426</v>
      </c>
      <c r="E574" s="11">
        <v>142077</v>
      </c>
      <c r="F574" s="12" t="s">
        <v>1139</v>
      </c>
      <c r="G574" s="17" t="s">
        <v>426</v>
      </c>
      <c r="H574" s="20">
        <v>1</v>
      </c>
      <c r="I574" s="18">
        <v>0</v>
      </c>
      <c r="J574" s="34"/>
    </row>
    <row r="575" spans="2:10" ht="39.75" customHeight="1" x14ac:dyDescent="0.2">
      <c r="B575" s="24"/>
      <c r="C575" s="11" t="s">
        <v>442</v>
      </c>
      <c r="D575" s="12" t="s">
        <v>426</v>
      </c>
      <c r="E575" s="11">
        <v>142077</v>
      </c>
      <c r="F575" s="12" t="s">
        <v>1140</v>
      </c>
      <c r="G575" s="17" t="s">
        <v>426</v>
      </c>
      <c r="H575" s="20">
        <v>3</v>
      </c>
      <c r="I575" s="18">
        <v>0</v>
      </c>
      <c r="J575" s="34"/>
    </row>
    <row r="576" spans="2:10" ht="39.75" customHeight="1" x14ac:dyDescent="0.2">
      <c r="B576" s="24"/>
      <c r="C576" s="11" t="s">
        <v>469</v>
      </c>
      <c r="D576" s="12" t="s">
        <v>426</v>
      </c>
      <c r="E576" s="11">
        <v>142077</v>
      </c>
      <c r="F576" s="12" t="s">
        <v>470</v>
      </c>
      <c r="G576" s="17" t="s">
        <v>426</v>
      </c>
      <c r="H576" s="20">
        <v>2</v>
      </c>
      <c r="I576" s="18">
        <v>1</v>
      </c>
      <c r="J576" s="34"/>
    </row>
    <row r="577" spans="2:10" ht="39.75" customHeight="1" x14ac:dyDescent="0.2">
      <c r="B577" s="24"/>
      <c r="C577" s="11" t="s">
        <v>436</v>
      </c>
      <c r="D577" s="12" t="s">
        <v>426</v>
      </c>
      <c r="E577" s="11">
        <v>142077</v>
      </c>
      <c r="F577" s="12" t="s">
        <v>1141</v>
      </c>
      <c r="G577" s="17" t="s">
        <v>426</v>
      </c>
      <c r="H577" s="20">
        <v>1</v>
      </c>
      <c r="I577" s="18">
        <v>0</v>
      </c>
      <c r="J577" s="34"/>
    </row>
    <row r="578" spans="2:10" ht="39.75" customHeight="1" x14ac:dyDescent="0.2">
      <c r="B578" s="24"/>
      <c r="C578" s="11" t="s">
        <v>471</v>
      </c>
      <c r="D578" s="12" t="s">
        <v>426</v>
      </c>
      <c r="E578" s="11">
        <v>142077</v>
      </c>
      <c r="F578" s="12" t="s">
        <v>1142</v>
      </c>
      <c r="G578" s="17" t="s">
        <v>426</v>
      </c>
      <c r="H578" s="20">
        <v>1</v>
      </c>
      <c r="I578" s="18">
        <v>0</v>
      </c>
      <c r="J578" s="34"/>
    </row>
    <row r="579" spans="2:10" ht="39.75" customHeight="1" x14ac:dyDescent="0.2">
      <c r="B579" s="24"/>
      <c r="C579" s="11" t="s">
        <v>438</v>
      </c>
      <c r="D579" s="12" t="s">
        <v>426</v>
      </c>
      <c r="E579" s="11">
        <v>142077</v>
      </c>
      <c r="F579" s="12" t="s">
        <v>1563</v>
      </c>
      <c r="G579" s="17" t="s">
        <v>426</v>
      </c>
      <c r="H579" s="31">
        <v>2</v>
      </c>
      <c r="I579" s="14">
        <v>0</v>
      </c>
      <c r="J579" s="34"/>
    </row>
    <row r="580" spans="2:10" ht="39.75" customHeight="1" thickBot="1" x14ac:dyDescent="0.25">
      <c r="B580" s="24"/>
      <c r="C580" s="11" t="s">
        <v>437</v>
      </c>
      <c r="D580" s="12" t="s">
        <v>426</v>
      </c>
      <c r="E580" s="11">
        <v>142077</v>
      </c>
      <c r="F580" s="12" t="s">
        <v>1672</v>
      </c>
      <c r="G580" s="17" t="s">
        <v>426</v>
      </c>
      <c r="H580" s="31">
        <v>1</v>
      </c>
      <c r="I580" s="14">
        <v>0</v>
      </c>
      <c r="J580" s="34"/>
    </row>
    <row r="581" spans="2:10" ht="39.75" customHeight="1" thickBot="1" x14ac:dyDescent="0.25">
      <c r="B581" s="24"/>
      <c r="C581" s="11" t="s">
        <v>431</v>
      </c>
      <c r="D581" s="59" t="s">
        <v>426</v>
      </c>
      <c r="E581" s="11">
        <v>142077</v>
      </c>
      <c r="F581" s="12" t="s">
        <v>1143</v>
      </c>
      <c r="G581" s="17" t="s">
        <v>426</v>
      </c>
      <c r="H581" s="20">
        <v>1</v>
      </c>
      <c r="I581" s="18">
        <v>0</v>
      </c>
      <c r="J581" s="34"/>
    </row>
    <row r="582" spans="2:10" ht="39.75" customHeight="1" x14ac:dyDescent="0.2">
      <c r="B582" s="24"/>
      <c r="C582" s="11" t="s">
        <v>477</v>
      </c>
      <c r="D582" s="12" t="s">
        <v>426</v>
      </c>
      <c r="E582" s="11">
        <v>142077</v>
      </c>
      <c r="F582" s="12" t="s">
        <v>1144</v>
      </c>
      <c r="G582" s="17" t="s">
        <v>426</v>
      </c>
      <c r="H582" s="20">
        <v>1</v>
      </c>
      <c r="I582" s="18">
        <v>0</v>
      </c>
      <c r="J582" s="34"/>
    </row>
    <row r="583" spans="2:10" ht="39.75" customHeight="1" x14ac:dyDescent="0.2">
      <c r="B583" s="24"/>
      <c r="C583" s="11" t="s">
        <v>454</v>
      </c>
      <c r="D583" s="12" t="s">
        <v>426</v>
      </c>
      <c r="E583" s="11">
        <v>142077</v>
      </c>
      <c r="F583" s="12" t="s">
        <v>1145</v>
      </c>
      <c r="G583" s="17" t="s">
        <v>426</v>
      </c>
      <c r="H583" s="20">
        <v>1</v>
      </c>
      <c r="I583" s="18">
        <v>1</v>
      </c>
      <c r="J583" s="34"/>
    </row>
    <row r="584" spans="2:10" ht="39.75" customHeight="1" x14ac:dyDescent="0.2">
      <c r="B584" s="24"/>
      <c r="C584" s="11" t="s">
        <v>479</v>
      </c>
      <c r="D584" s="12" t="s">
        <v>426</v>
      </c>
      <c r="E584" s="11">
        <v>142077</v>
      </c>
      <c r="F584" s="12" t="s">
        <v>1146</v>
      </c>
      <c r="G584" s="17" t="s">
        <v>426</v>
      </c>
      <c r="H584" s="20">
        <v>1</v>
      </c>
      <c r="I584" s="18">
        <v>1</v>
      </c>
      <c r="J584" s="34"/>
    </row>
    <row r="585" spans="2:10" ht="39.75" customHeight="1" x14ac:dyDescent="0.2">
      <c r="B585" s="24"/>
      <c r="C585" s="11" t="s">
        <v>435</v>
      </c>
      <c r="D585" s="12" t="s">
        <v>426</v>
      </c>
      <c r="E585" s="11">
        <v>142077</v>
      </c>
      <c r="F585" s="12" t="s">
        <v>1147</v>
      </c>
      <c r="G585" s="17" t="s">
        <v>426</v>
      </c>
      <c r="H585" s="20">
        <v>1</v>
      </c>
      <c r="I585" s="18">
        <v>0</v>
      </c>
      <c r="J585" s="34"/>
    </row>
    <row r="586" spans="2:10" ht="39.75" customHeight="1" x14ac:dyDescent="0.2">
      <c r="B586" s="24"/>
      <c r="C586" s="11" t="s">
        <v>432</v>
      </c>
      <c r="D586" s="12" t="s">
        <v>426</v>
      </c>
      <c r="E586" s="11">
        <v>142077</v>
      </c>
      <c r="F586" s="12" t="s">
        <v>1673</v>
      </c>
      <c r="G586" s="17" t="s">
        <v>426</v>
      </c>
      <c r="H586" s="20">
        <v>1</v>
      </c>
      <c r="I586" s="18">
        <v>0</v>
      </c>
      <c r="J586" s="34"/>
    </row>
    <row r="587" spans="2:10" ht="39.75" customHeight="1" x14ac:dyDescent="0.2">
      <c r="B587" s="24"/>
      <c r="C587" s="11" t="s">
        <v>434</v>
      </c>
      <c r="D587" s="12" t="s">
        <v>426</v>
      </c>
      <c r="E587" s="11">
        <v>142077</v>
      </c>
      <c r="F587" s="12" t="s">
        <v>1148</v>
      </c>
      <c r="G587" s="17" t="s">
        <v>426</v>
      </c>
      <c r="H587" s="20">
        <v>1</v>
      </c>
      <c r="I587" s="18">
        <v>0</v>
      </c>
      <c r="J587" s="34"/>
    </row>
    <row r="588" spans="2:10" ht="39.75" customHeight="1" x14ac:dyDescent="0.2">
      <c r="B588" s="24"/>
      <c r="C588" s="11" t="s">
        <v>478</v>
      </c>
      <c r="D588" s="12" t="s">
        <v>426</v>
      </c>
      <c r="E588" s="11">
        <v>142077</v>
      </c>
      <c r="F588" s="12" t="s">
        <v>1149</v>
      </c>
      <c r="G588" s="17" t="s">
        <v>426</v>
      </c>
      <c r="H588" s="20">
        <v>2</v>
      </c>
      <c r="I588" s="18">
        <v>10</v>
      </c>
      <c r="J588" s="34"/>
    </row>
    <row r="589" spans="2:10" ht="39.75" customHeight="1" x14ac:dyDescent="0.2">
      <c r="B589" s="24"/>
      <c r="C589" s="11" t="s">
        <v>430</v>
      </c>
      <c r="D589" s="12" t="s">
        <v>426</v>
      </c>
      <c r="E589" s="11">
        <v>142077</v>
      </c>
      <c r="F589" s="12" t="s">
        <v>1564</v>
      </c>
      <c r="G589" s="17" t="s">
        <v>426</v>
      </c>
      <c r="H589" s="20">
        <v>1</v>
      </c>
      <c r="I589" s="18">
        <v>0</v>
      </c>
      <c r="J589" s="34"/>
    </row>
    <row r="590" spans="2:10" ht="39.75" customHeight="1" x14ac:dyDescent="0.2">
      <c r="B590" s="24"/>
      <c r="C590" s="11" t="s">
        <v>429</v>
      </c>
      <c r="D590" s="12" t="s">
        <v>426</v>
      </c>
      <c r="E590" s="11">
        <v>142077</v>
      </c>
      <c r="F590" s="12" t="s">
        <v>1150</v>
      </c>
      <c r="G590" s="17" t="s">
        <v>426</v>
      </c>
      <c r="H590" s="20">
        <v>1</v>
      </c>
      <c r="I590" s="18">
        <v>0</v>
      </c>
      <c r="J590" s="34"/>
    </row>
    <row r="591" spans="2:10" ht="39.75" customHeight="1" x14ac:dyDescent="0.2">
      <c r="B591" s="24"/>
      <c r="C591" s="11" t="s">
        <v>474</v>
      </c>
      <c r="D591" s="12" t="s">
        <v>426</v>
      </c>
      <c r="E591" s="11">
        <v>142077</v>
      </c>
      <c r="F591" s="12" t="s">
        <v>1151</v>
      </c>
      <c r="G591" s="17" t="s">
        <v>426</v>
      </c>
      <c r="H591" s="20">
        <v>1</v>
      </c>
      <c r="I591" s="18">
        <v>2</v>
      </c>
      <c r="J591" s="34"/>
    </row>
    <row r="592" spans="2:10" ht="39.75" customHeight="1" x14ac:dyDescent="0.2">
      <c r="B592" s="24"/>
      <c r="C592" s="11" t="s">
        <v>440</v>
      </c>
      <c r="D592" s="12" t="s">
        <v>426</v>
      </c>
      <c r="E592" s="11">
        <v>142077</v>
      </c>
      <c r="F592" s="12" t="s">
        <v>1152</v>
      </c>
      <c r="G592" s="17" t="s">
        <v>426</v>
      </c>
      <c r="H592" s="20">
        <v>1</v>
      </c>
      <c r="I592" s="18">
        <v>0</v>
      </c>
      <c r="J592" s="34"/>
    </row>
    <row r="593" spans="2:10" ht="39.75" customHeight="1" x14ac:dyDescent="0.2">
      <c r="B593" s="24"/>
      <c r="C593" s="11" t="s">
        <v>439</v>
      </c>
      <c r="D593" s="12" t="s">
        <v>426</v>
      </c>
      <c r="E593" s="11">
        <v>142077</v>
      </c>
      <c r="F593" s="12" t="s">
        <v>1153</v>
      </c>
      <c r="G593" s="17" t="s">
        <v>426</v>
      </c>
      <c r="H593" s="20">
        <v>1</v>
      </c>
      <c r="I593" s="18">
        <v>0</v>
      </c>
      <c r="J593" s="34"/>
    </row>
    <row r="594" spans="2:10" ht="39.75" customHeight="1" x14ac:dyDescent="0.2">
      <c r="B594" s="24"/>
      <c r="C594" s="11" t="s">
        <v>480</v>
      </c>
      <c r="D594" s="12" t="s">
        <v>426</v>
      </c>
      <c r="E594" s="11">
        <v>142077</v>
      </c>
      <c r="F594" s="12" t="s">
        <v>481</v>
      </c>
      <c r="G594" s="17" t="s">
        <v>426</v>
      </c>
      <c r="H594" s="20">
        <v>2</v>
      </c>
      <c r="I594" s="18">
        <v>0</v>
      </c>
      <c r="J594" s="34"/>
    </row>
    <row r="595" spans="2:10" ht="39.75" customHeight="1" x14ac:dyDescent="0.2">
      <c r="B595" s="24"/>
      <c r="C595" s="11" t="s">
        <v>452</v>
      </c>
      <c r="D595" s="12" t="s">
        <v>426</v>
      </c>
      <c r="E595" s="11">
        <v>142077</v>
      </c>
      <c r="F595" s="12" t="s">
        <v>1154</v>
      </c>
      <c r="G595" s="17" t="s">
        <v>426</v>
      </c>
      <c r="H595" s="20">
        <v>1</v>
      </c>
      <c r="I595" s="18">
        <v>0</v>
      </c>
      <c r="J595" s="34"/>
    </row>
    <row r="596" spans="2:10" ht="39.75" customHeight="1" x14ac:dyDescent="0.2">
      <c r="B596" s="24"/>
      <c r="C596" s="11" t="s">
        <v>453</v>
      </c>
      <c r="D596" s="12" t="s">
        <v>426</v>
      </c>
      <c r="E596" s="11">
        <v>142077</v>
      </c>
      <c r="F596" s="12" t="s">
        <v>1155</v>
      </c>
      <c r="G596" s="17" t="s">
        <v>426</v>
      </c>
      <c r="H596" s="20">
        <v>1</v>
      </c>
      <c r="I596" s="18">
        <v>0</v>
      </c>
      <c r="J596" s="34"/>
    </row>
    <row r="597" spans="2:10" ht="39.75" customHeight="1" x14ac:dyDescent="0.2">
      <c r="B597" s="24"/>
      <c r="C597" s="11" t="s">
        <v>476</v>
      </c>
      <c r="D597" s="12" t="s">
        <v>426</v>
      </c>
      <c r="E597" s="11">
        <v>142077</v>
      </c>
      <c r="F597" s="12" t="s">
        <v>1156</v>
      </c>
      <c r="G597" s="17" t="s">
        <v>426</v>
      </c>
      <c r="H597" s="20">
        <v>1</v>
      </c>
      <c r="I597" s="18">
        <v>0</v>
      </c>
      <c r="J597" s="34"/>
    </row>
    <row r="598" spans="2:10" ht="39.75" customHeight="1" x14ac:dyDescent="0.2">
      <c r="B598" s="24"/>
      <c r="C598" s="11" t="s">
        <v>433</v>
      </c>
      <c r="D598" s="12" t="s">
        <v>426</v>
      </c>
      <c r="E598" s="11">
        <v>142077</v>
      </c>
      <c r="F598" s="12" t="s">
        <v>1157</v>
      </c>
      <c r="G598" s="17" t="s">
        <v>426</v>
      </c>
      <c r="H598" s="20">
        <v>1</v>
      </c>
      <c r="I598" s="18">
        <v>0</v>
      </c>
      <c r="J598" s="34"/>
    </row>
    <row r="599" spans="2:10" ht="39.75" customHeight="1" x14ac:dyDescent="0.2">
      <c r="B599" s="24"/>
      <c r="C599" s="11" t="s">
        <v>475</v>
      </c>
      <c r="D599" s="12" t="s">
        <v>426</v>
      </c>
      <c r="E599" s="11">
        <v>142077</v>
      </c>
      <c r="F599" s="12" t="s">
        <v>1158</v>
      </c>
      <c r="G599" s="17" t="s">
        <v>426</v>
      </c>
      <c r="H599" s="20">
        <v>1</v>
      </c>
      <c r="I599" s="18">
        <v>0</v>
      </c>
      <c r="J599" s="34"/>
    </row>
    <row r="600" spans="2:10" ht="39.75" customHeight="1" x14ac:dyDescent="0.2">
      <c r="B600" s="24"/>
      <c r="C600" s="11" t="s">
        <v>441</v>
      </c>
      <c r="D600" s="12" t="s">
        <v>426</v>
      </c>
      <c r="E600" s="11">
        <v>142077</v>
      </c>
      <c r="F600" s="12" t="s">
        <v>1159</v>
      </c>
      <c r="G600" s="17" t="s">
        <v>426</v>
      </c>
      <c r="H600" s="20">
        <v>2</v>
      </c>
      <c r="I600" s="18">
        <v>0</v>
      </c>
      <c r="J600" s="34"/>
    </row>
    <row r="601" spans="2:10" ht="39.75" customHeight="1" x14ac:dyDescent="0.2">
      <c r="B601" s="24"/>
      <c r="C601" s="11" t="s">
        <v>457</v>
      </c>
      <c r="D601" s="12" t="s">
        <v>426</v>
      </c>
      <c r="E601" s="11">
        <v>142077</v>
      </c>
      <c r="F601" s="12" t="s">
        <v>1160</v>
      </c>
      <c r="G601" s="17" t="s">
        <v>426</v>
      </c>
      <c r="H601" s="20">
        <v>1</v>
      </c>
      <c r="I601" s="18">
        <v>0</v>
      </c>
      <c r="J601" s="34" t="s">
        <v>458</v>
      </c>
    </row>
    <row r="602" spans="2:10" ht="39.75" customHeight="1" x14ac:dyDescent="0.2">
      <c r="B602" s="24"/>
      <c r="C602" s="11" t="s">
        <v>205</v>
      </c>
      <c r="D602" s="12" t="s">
        <v>426</v>
      </c>
      <c r="E602" s="11">
        <v>142077</v>
      </c>
      <c r="F602" s="12" t="s">
        <v>1319</v>
      </c>
      <c r="G602" s="13" t="s">
        <v>390</v>
      </c>
      <c r="H602" s="20">
        <v>2</v>
      </c>
      <c r="I602" s="18">
        <v>0</v>
      </c>
      <c r="J602" s="34"/>
    </row>
    <row r="603" spans="2:10" ht="39.75" customHeight="1" x14ac:dyDescent="0.2">
      <c r="B603" s="24"/>
      <c r="C603" s="11" t="s">
        <v>472</v>
      </c>
      <c r="D603" s="12" t="s">
        <v>426</v>
      </c>
      <c r="E603" s="11">
        <v>142077</v>
      </c>
      <c r="F603" s="12" t="s">
        <v>1161</v>
      </c>
      <c r="G603" s="17" t="s">
        <v>426</v>
      </c>
      <c r="H603" s="20">
        <v>7</v>
      </c>
      <c r="I603" s="18">
        <v>5</v>
      </c>
      <c r="J603" s="34"/>
    </row>
    <row r="604" spans="2:10" ht="39.75" customHeight="1" x14ac:dyDescent="0.2">
      <c r="B604" s="24"/>
      <c r="C604" s="11" t="s">
        <v>468</v>
      </c>
      <c r="D604" s="12" t="s">
        <v>426</v>
      </c>
      <c r="E604" s="11">
        <v>142077</v>
      </c>
      <c r="F604" s="12" t="s">
        <v>1779</v>
      </c>
      <c r="G604" s="17" t="s">
        <v>426</v>
      </c>
      <c r="H604" s="20">
        <v>1</v>
      </c>
      <c r="I604" s="18">
        <v>1</v>
      </c>
      <c r="J604" s="34"/>
    </row>
    <row r="605" spans="2:10" ht="39.75" customHeight="1" x14ac:dyDescent="0.2">
      <c r="B605" s="24"/>
      <c r="C605" s="11" t="s">
        <v>295</v>
      </c>
      <c r="D605" s="12" t="s">
        <v>1058</v>
      </c>
      <c r="E605" s="11">
        <v>142085</v>
      </c>
      <c r="F605" s="12" t="s">
        <v>1674</v>
      </c>
      <c r="G605" s="13" t="s">
        <v>390</v>
      </c>
      <c r="H605" s="20">
        <v>1</v>
      </c>
      <c r="I605" s="18">
        <v>0</v>
      </c>
      <c r="J605" s="34"/>
    </row>
    <row r="606" spans="2:10" ht="39.75" customHeight="1" x14ac:dyDescent="0.2">
      <c r="B606" s="24"/>
      <c r="C606" s="11" t="s">
        <v>350</v>
      </c>
      <c r="D606" s="12" t="s">
        <v>1058</v>
      </c>
      <c r="E606" s="11">
        <v>142085</v>
      </c>
      <c r="F606" s="12" t="s">
        <v>1397</v>
      </c>
      <c r="G606" s="13" t="s">
        <v>390</v>
      </c>
      <c r="H606" s="20">
        <v>1</v>
      </c>
      <c r="I606" s="18">
        <v>0</v>
      </c>
      <c r="J606" s="34"/>
    </row>
    <row r="607" spans="2:10" ht="39.75" customHeight="1" x14ac:dyDescent="0.2">
      <c r="B607" s="24"/>
      <c r="C607" s="11" t="s">
        <v>808</v>
      </c>
      <c r="D607" s="12" t="s">
        <v>1059</v>
      </c>
      <c r="E607" s="11">
        <v>142107</v>
      </c>
      <c r="F607" s="12" t="s">
        <v>1320</v>
      </c>
      <c r="G607" s="17" t="s">
        <v>798</v>
      </c>
      <c r="H607" s="20">
        <v>5</v>
      </c>
      <c r="I607" s="18">
        <v>0</v>
      </c>
      <c r="J607" s="34"/>
    </row>
    <row r="608" spans="2:10" ht="39.75" customHeight="1" x14ac:dyDescent="0.2">
      <c r="B608" s="24"/>
      <c r="C608" s="11" t="s">
        <v>799</v>
      </c>
      <c r="D608" s="12" t="s">
        <v>1059</v>
      </c>
      <c r="E608" s="11">
        <v>142107</v>
      </c>
      <c r="F608" s="12" t="s">
        <v>1087</v>
      </c>
      <c r="G608" s="17" t="s">
        <v>798</v>
      </c>
      <c r="H608" s="20">
        <v>1</v>
      </c>
      <c r="I608" s="27">
        <v>1</v>
      </c>
      <c r="J608" s="34"/>
    </row>
    <row r="609" spans="2:10" ht="39.75" customHeight="1" x14ac:dyDescent="0.2">
      <c r="B609" s="24"/>
      <c r="C609" s="11" t="s">
        <v>803</v>
      </c>
      <c r="D609" s="12" t="s">
        <v>1059</v>
      </c>
      <c r="E609" s="11">
        <v>142107</v>
      </c>
      <c r="F609" s="12" t="s">
        <v>1780</v>
      </c>
      <c r="G609" s="17" t="s">
        <v>798</v>
      </c>
      <c r="H609" s="20">
        <v>2</v>
      </c>
      <c r="I609" s="18">
        <v>0</v>
      </c>
      <c r="J609" s="34"/>
    </row>
    <row r="610" spans="2:10" ht="39.75" customHeight="1" x14ac:dyDescent="0.2">
      <c r="B610" s="24"/>
      <c r="C610" s="11" t="s">
        <v>36</v>
      </c>
      <c r="D610" s="12" t="s">
        <v>1059</v>
      </c>
      <c r="E610" s="11">
        <v>142107</v>
      </c>
      <c r="F610" s="12" t="s">
        <v>1268</v>
      </c>
      <c r="G610" s="13" t="s">
        <v>390</v>
      </c>
      <c r="H610" s="20">
        <v>1</v>
      </c>
      <c r="I610" s="18">
        <v>0</v>
      </c>
      <c r="J610" s="34"/>
    </row>
    <row r="611" spans="2:10" ht="39.75" customHeight="1" x14ac:dyDescent="0.2">
      <c r="B611" s="24"/>
      <c r="C611" s="11" t="s">
        <v>804</v>
      </c>
      <c r="D611" s="12" t="s">
        <v>1059</v>
      </c>
      <c r="E611" s="11">
        <v>142107</v>
      </c>
      <c r="F611" s="12" t="s">
        <v>1565</v>
      </c>
      <c r="G611" s="17" t="s">
        <v>798</v>
      </c>
      <c r="H611" s="20">
        <v>3</v>
      </c>
      <c r="I611" s="18">
        <v>0</v>
      </c>
      <c r="J611" s="34"/>
    </row>
    <row r="612" spans="2:10" ht="39.75" customHeight="1" x14ac:dyDescent="0.2">
      <c r="B612" s="24"/>
      <c r="C612" s="11" t="s">
        <v>805</v>
      </c>
      <c r="D612" s="12" t="s">
        <v>1059</v>
      </c>
      <c r="E612" s="11">
        <v>142107</v>
      </c>
      <c r="F612" s="12" t="s">
        <v>1398</v>
      </c>
      <c r="G612" s="17" t="s">
        <v>798</v>
      </c>
      <c r="H612" s="20">
        <v>2</v>
      </c>
      <c r="I612" s="18">
        <v>0</v>
      </c>
      <c r="J612" s="34"/>
    </row>
    <row r="613" spans="2:10" ht="39.75" customHeight="1" x14ac:dyDescent="0.2">
      <c r="B613" s="24"/>
      <c r="C613" s="11" t="s">
        <v>39</v>
      </c>
      <c r="D613" s="12" t="s">
        <v>1059</v>
      </c>
      <c r="E613" s="11">
        <v>142107</v>
      </c>
      <c r="F613" s="12" t="s">
        <v>1567</v>
      </c>
      <c r="G613" s="13" t="s">
        <v>390</v>
      </c>
      <c r="H613" s="20">
        <v>2</v>
      </c>
      <c r="I613" s="18">
        <v>0</v>
      </c>
      <c r="J613" s="34"/>
    </row>
    <row r="614" spans="2:10" ht="39.75" customHeight="1" x14ac:dyDescent="0.2">
      <c r="B614" s="24"/>
      <c r="C614" s="11" t="s">
        <v>807</v>
      </c>
      <c r="D614" s="12" t="s">
        <v>1059</v>
      </c>
      <c r="E614" s="11">
        <v>142107</v>
      </c>
      <c r="F614" s="12" t="s">
        <v>1566</v>
      </c>
      <c r="G614" s="17" t="s">
        <v>798</v>
      </c>
      <c r="H614" s="20">
        <v>1</v>
      </c>
      <c r="I614" s="18">
        <v>0</v>
      </c>
      <c r="J614" s="34"/>
    </row>
    <row r="615" spans="2:10" ht="39.75" customHeight="1" x14ac:dyDescent="0.2">
      <c r="B615" s="24"/>
      <c r="C615" s="11" t="s">
        <v>38</v>
      </c>
      <c r="D615" s="12" t="s">
        <v>1059</v>
      </c>
      <c r="E615" s="11">
        <v>142107</v>
      </c>
      <c r="F615" s="12" t="s">
        <v>319</v>
      </c>
      <c r="G615" s="13" t="s">
        <v>390</v>
      </c>
      <c r="H615" s="20">
        <v>1</v>
      </c>
      <c r="I615" s="18">
        <v>1</v>
      </c>
      <c r="J615" s="34"/>
    </row>
    <row r="616" spans="2:10" ht="39.75" customHeight="1" x14ac:dyDescent="0.2">
      <c r="B616" s="24"/>
      <c r="C616" s="11" t="s">
        <v>87</v>
      </c>
      <c r="D616" s="12" t="s">
        <v>1059</v>
      </c>
      <c r="E616" s="11">
        <v>142107</v>
      </c>
      <c r="F616" s="12" t="s">
        <v>333</v>
      </c>
      <c r="G616" s="13" t="s">
        <v>390</v>
      </c>
      <c r="H616" s="20">
        <v>3</v>
      </c>
      <c r="I616" s="18">
        <v>0</v>
      </c>
      <c r="J616" s="34"/>
    </row>
    <row r="617" spans="2:10" ht="39.75" customHeight="1" x14ac:dyDescent="0.2">
      <c r="B617" s="24"/>
      <c r="C617" s="11" t="s">
        <v>40</v>
      </c>
      <c r="D617" s="12" t="s">
        <v>1059</v>
      </c>
      <c r="E617" s="11">
        <v>142107</v>
      </c>
      <c r="F617" s="12" t="s">
        <v>320</v>
      </c>
      <c r="G617" s="13" t="s">
        <v>390</v>
      </c>
      <c r="H617" s="20">
        <v>1</v>
      </c>
      <c r="I617" s="18">
        <v>0</v>
      </c>
      <c r="J617" s="34"/>
    </row>
    <row r="618" spans="2:10" ht="39.75" customHeight="1" x14ac:dyDescent="0.2">
      <c r="B618" s="24"/>
      <c r="C618" s="11" t="s">
        <v>293</v>
      </c>
      <c r="D618" s="12" t="s">
        <v>1059</v>
      </c>
      <c r="E618" s="11">
        <v>142107</v>
      </c>
      <c r="F618" s="12" t="s">
        <v>1269</v>
      </c>
      <c r="G618" s="13" t="s">
        <v>390</v>
      </c>
      <c r="H618" s="20">
        <v>2</v>
      </c>
      <c r="I618" s="18">
        <v>0</v>
      </c>
      <c r="J618" s="34"/>
    </row>
    <row r="619" spans="2:10" ht="39.75" customHeight="1" x14ac:dyDescent="0.2">
      <c r="B619" s="24"/>
      <c r="C619" s="11" t="s">
        <v>801</v>
      </c>
      <c r="D619" s="12" t="s">
        <v>1059</v>
      </c>
      <c r="E619" s="11">
        <v>142107</v>
      </c>
      <c r="F619" s="12" t="s">
        <v>1675</v>
      </c>
      <c r="G619" s="17" t="s">
        <v>798</v>
      </c>
      <c r="H619" s="20">
        <v>2</v>
      </c>
      <c r="I619" s="18">
        <v>0</v>
      </c>
      <c r="J619" s="34"/>
    </row>
    <row r="620" spans="2:10" ht="39.75" customHeight="1" x14ac:dyDescent="0.2">
      <c r="B620" s="24"/>
      <c r="C620" s="11" t="s">
        <v>802</v>
      </c>
      <c r="D620" s="12" t="s">
        <v>1059</v>
      </c>
      <c r="E620" s="11">
        <v>142107</v>
      </c>
      <c r="F620" s="12" t="s">
        <v>1227</v>
      </c>
      <c r="G620" s="17" t="s">
        <v>798</v>
      </c>
      <c r="H620" s="20">
        <v>1</v>
      </c>
      <c r="I620" s="18">
        <v>0</v>
      </c>
      <c r="J620" s="34"/>
    </row>
    <row r="621" spans="2:10" ht="39.75" customHeight="1" x14ac:dyDescent="0.2">
      <c r="B621" s="24"/>
      <c r="C621" s="11" t="s">
        <v>806</v>
      </c>
      <c r="D621" s="12" t="s">
        <v>1059</v>
      </c>
      <c r="E621" s="11">
        <v>142107</v>
      </c>
      <c r="F621" s="12" t="s">
        <v>1676</v>
      </c>
      <c r="G621" s="17" t="s">
        <v>798</v>
      </c>
      <c r="H621" s="20">
        <v>0</v>
      </c>
      <c r="I621" s="18">
        <v>1</v>
      </c>
      <c r="J621" s="34"/>
    </row>
    <row r="622" spans="2:10" ht="39.75" customHeight="1" x14ac:dyDescent="0.2">
      <c r="B622" s="24"/>
      <c r="C622" s="11" t="s">
        <v>219</v>
      </c>
      <c r="D622" s="12" t="s">
        <v>1059</v>
      </c>
      <c r="E622" s="11">
        <v>142107</v>
      </c>
      <c r="F622" s="12" t="s">
        <v>1568</v>
      </c>
      <c r="G622" s="13" t="s">
        <v>390</v>
      </c>
      <c r="H622" s="20">
        <v>2</v>
      </c>
      <c r="I622" s="18">
        <v>0</v>
      </c>
      <c r="J622" s="34"/>
    </row>
    <row r="623" spans="2:10" ht="39.75" customHeight="1" x14ac:dyDescent="0.2">
      <c r="B623" s="24"/>
      <c r="C623" s="11" t="s">
        <v>220</v>
      </c>
      <c r="D623" s="12" t="s">
        <v>1059</v>
      </c>
      <c r="E623" s="11">
        <v>142107</v>
      </c>
      <c r="F623" s="12" t="s">
        <v>1270</v>
      </c>
      <c r="G623" s="13" t="s">
        <v>390</v>
      </c>
      <c r="H623" s="20">
        <v>2</v>
      </c>
      <c r="I623" s="18">
        <v>0</v>
      </c>
      <c r="J623" s="34"/>
    </row>
    <row r="624" spans="2:10" ht="39.75" customHeight="1" x14ac:dyDescent="0.2">
      <c r="B624" s="24"/>
      <c r="C624" s="11" t="s">
        <v>800</v>
      </c>
      <c r="D624" s="12" t="s">
        <v>1059</v>
      </c>
      <c r="E624" s="11">
        <v>142107</v>
      </c>
      <c r="F624" s="12" t="s">
        <v>1086</v>
      </c>
      <c r="G624" s="17" t="s">
        <v>798</v>
      </c>
      <c r="H624" s="20">
        <v>1</v>
      </c>
      <c r="I624" s="18">
        <v>0</v>
      </c>
      <c r="J624" s="34"/>
    </row>
    <row r="625" spans="2:10" ht="39.75" customHeight="1" x14ac:dyDescent="0.2">
      <c r="B625" s="24"/>
      <c r="C625" s="11" t="s">
        <v>493</v>
      </c>
      <c r="D625" s="12" t="s">
        <v>1060</v>
      </c>
      <c r="E625" s="11">
        <v>142115</v>
      </c>
      <c r="F625" s="12" t="s">
        <v>1677</v>
      </c>
      <c r="G625" s="17" t="s">
        <v>487</v>
      </c>
      <c r="H625" s="20">
        <v>3</v>
      </c>
      <c r="I625" s="18">
        <v>0</v>
      </c>
      <c r="J625" s="34"/>
    </row>
    <row r="626" spans="2:10" ht="39.75" customHeight="1" x14ac:dyDescent="0.2">
      <c r="B626" s="24"/>
      <c r="C626" s="11" t="s">
        <v>497</v>
      </c>
      <c r="D626" s="12" t="s">
        <v>1060</v>
      </c>
      <c r="E626" s="11">
        <v>142115</v>
      </c>
      <c r="F626" s="12" t="s">
        <v>1678</v>
      </c>
      <c r="G626" s="17" t="s">
        <v>482</v>
      </c>
      <c r="H626" s="20">
        <v>1</v>
      </c>
      <c r="I626" s="18">
        <v>0</v>
      </c>
      <c r="J626" s="34"/>
    </row>
    <row r="627" spans="2:10" ht="39.75" customHeight="1" x14ac:dyDescent="0.2">
      <c r="B627" s="24"/>
      <c r="C627" s="11" t="s">
        <v>496</v>
      </c>
      <c r="D627" s="12" t="s">
        <v>1060</v>
      </c>
      <c r="E627" s="11">
        <v>142115</v>
      </c>
      <c r="F627" s="12" t="s">
        <v>1228</v>
      </c>
      <c r="G627" s="17" t="s">
        <v>482</v>
      </c>
      <c r="H627" s="20">
        <v>1</v>
      </c>
      <c r="I627" s="18">
        <v>0</v>
      </c>
      <c r="J627" s="34"/>
    </row>
    <row r="628" spans="2:10" ht="39.75" customHeight="1" x14ac:dyDescent="0.2">
      <c r="B628" s="24"/>
      <c r="C628" s="11" t="s">
        <v>370</v>
      </c>
      <c r="D628" s="12" t="s">
        <v>1060</v>
      </c>
      <c r="E628" s="11">
        <v>142115</v>
      </c>
      <c r="F628" s="12" t="s">
        <v>1399</v>
      </c>
      <c r="G628" s="13" t="s">
        <v>390</v>
      </c>
      <c r="H628" s="20">
        <v>1</v>
      </c>
      <c r="I628" s="18">
        <v>0</v>
      </c>
      <c r="J628" s="33" t="s">
        <v>2080</v>
      </c>
    </row>
    <row r="629" spans="2:10" ht="39.75" customHeight="1" x14ac:dyDescent="0.2">
      <c r="B629" s="24"/>
      <c r="C629" s="11" t="s">
        <v>513</v>
      </c>
      <c r="D629" s="12" t="s">
        <v>1060</v>
      </c>
      <c r="E629" s="11">
        <v>142115</v>
      </c>
      <c r="F629" s="12" t="s">
        <v>1781</v>
      </c>
      <c r="G629" s="17" t="s">
        <v>482</v>
      </c>
      <c r="H629" s="20">
        <v>7</v>
      </c>
      <c r="I629" s="18">
        <v>0</v>
      </c>
      <c r="J629" s="34"/>
    </row>
    <row r="630" spans="2:10" ht="39.75" customHeight="1" x14ac:dyDescent="0.2">
      <c r="B630" s="24"/>
      <c r="C630" s="11" t="s">
        <v>518</v>
      </c>
      <c r="D630" s="12" t="s">
        <v>1060</v>
      </c>
      <c r="E630" s="11">
        <v>142115</v>
      </c>
      <c r="F630" s="12" t="s">
        <v>1781</v>
      </c>
      <c r="G630" s="17" t="s">
        <v>482</v>
      </c>
      <c r="H630" s="20">
        <v>2</v>
      </c>
      <c r="I630" s="18">
        <v>0</v>
      </c>
      <c r="J630" s="34"/>
    </row>
    <row r="631" spans="2:10" ht="39.75" customHeight="1" x14ac:dyDescent="0.2">
      <c r="B631" s="24"/>
      <c r="C631" s="11" t="s">
        <v>508</v>
      </c>
      <c r="D631" s="12" t="s">
        <v>1060</v>
      </c>
      <c r="E631" s="11">
        <v>142115</v>
      </c>
      <c r="F631" s="12" t="s">
        <v>1271</v>
      </c>
      <c r="G631" s="17" t="s">
        <v>482</v>
      </c>
      <c r="H631" s="20">
        <v>1</v>
      </c>
      <c r="I631" s="18">
        <v>0</v>
      </c>
      <c r="J631" s="34"/>
    </row>
    <row r="632" spans="2:10" ht="39.75" customHeight="1" x14ac:dyDescent="0.2">
      <c r="B632" s="24"/>
      <c r="C632" s="11" t="s">
        <v>483</v>
      </c>
      <c r="D632" s="12" t="s">
        <v>1060</v>
      </c>
      <c r="E632" s="11">
        <v>142115</v>
      </c>
      <c r="F632" s="12" t="s">
        <v>1272</v>
      </c>
      <c r="G632" s="17" t="s">
        <v>482</v>
      </c>
      <c r="H632" s="20">
        <v>6</v>
      </c>
      <c r="I632" s="18">
        <v>2</v>
      </c>
      <c r="J632" s="34"/>
    </row>
    <row r="633" spans="2:10" ht="39.75" customHeight="1" x14ac:dyDescent="0.2">
      <c r="B633" s="24"/>
      <c r="C633" s="11" t="s">
        <v>484</v>
      </c>
      <c r="D633" s="12" t="s">
        <v>1060</v>
      </c>
      <c r="E633" s="11">
        <v>142115</v>
      </c>
      <c r="F633" s="12" t="s">
        <v>1272</v>
      </c>
      <c r="G633" s="17" t="s">
        <v>482</v>
      </c>
      <c r="H633" s="20">
        <v>2</v>
      </c>
      <c r="I633" s="18">
        <v>2</v>
      </c>
      <c r="J633" s="34"/>
    </row>
    <row r="634" spans="2:10" ht="39.75" customHeight="1" x14ac:dyDescent="0.2">
      <c r="B634" s="24"/>
      <c r="C634" s="11" t="s">
        <v>485</v>
      </c>
      <c r="D634" s="12" t="s">
        <v>1060</v>
      </c>
      <c r="E634" s="11">
        <v>142115</v>
      </c>
      <c r="F634" s="12" t="s">
        <v>1272</v>
      </c>
      <c r="G634" s="17" t="s">
        <v>482</v>
      </c>
      <c r="H634" s="20">
        <v>1</v>
      </c>
      <c r="I634" s="18">
        <v>0</v>
      </c>
      <c r="J634" s="34"/>
    </row>
    <row r="635" spans="2:10" ht="39.75" customHeight="1" x14ac:dyDescent="0.2">
      <c r="B635" s="24"/>
      <c r="C635" s="11" t="s">
        <v>486</v>
      </c>
      <c r="D635" s="12" t="s">
        <v>1060</v>
      </c>
      <c r="E635" s="11">
        <v>142115</v>
      </c>
      <c r="F635" s="12" t="s">
        <v>1272</v>
      </c>
      <c r="G635" s="17" t="s">
        <v>482</v>
      </c>
      <c r="H635" s="20">
        <v>1</v>
      </c>
      <c r="I635" s="18">
        <v>0</v>
      </c>
      <c r="J635" s="34"/>
    </row>
    <row r="636" spans="2:10" ht="39.75" customHeight="1" x14ac:dyDescent="0.2">
      <c r="B636" s="24"/>
      <c r="C636" s="11" t="s">
        <v>63</v>
      </c>
      <c r="D636" s="12" t="s">
        <v>1060</v>
      </c>
      <c r="E636" s="11">
        <v>142115</v>
      </c>
      <c r="F636" s="12" t="s">
        <v>1273</v>
      </c>
      <c r="G636" s="13" t="s">
        <v>390</v>
      </c>
      <c r="H636" s="20">
        <v>1</v>
      </c>
      <c r="I636" s="18">
        <v>0</v>
      </c>
      <c r="J636" s="34"/>
    </row>
    <row r="637" spans="2:10" ht="39.75" customHeight="1" x14ac:dyDescent="0.2">
      <c r="B637" s="24"/>
      <c r="C637" s="11" t="s">
        <v>504</v>
      </c>
      <c r="D637" s="12" t="s">
        <v>1060</v>
      </c>
      <c r="E637" s="11">
        <v>142115</v>
      </c>
      <c r="F637" s="12" t="s">
        <v>1782</v>
      </c>
      <c r="G637" s="17" t="s">
        <v>482</v>
      </c>
      <c r="H637" s="20">
        <v>2</v>
      </c>
      <c r="I637" s="18">
        <v>0</v>
      </c>
      <c r="J637" s="34"/>
    </row>
    <row r="638" spans="2:10" ht="39.75" customHeight="1" x14ac:dyDescent="0.2">
      <c r="B638" s="24"/>
      <c r="C638" s="11" t="s">
        <v>509</v>
      </c>
      <c r="D638" s="12" t="s">
        <v>1060</v>
      </c>
      <c r="E638" s="11">
        <v>142115</v>
      </c>
      <c r="F638" s="12" t="s">
        <v>1569</v>
      </c>
      <c r="G638" s="17" t="s">
        <v>482</v>
      </c>
      <c r="H638" s="20">
        <v>2</v>
      </c>
      <c r="I638" s="18">
        <v>0</v>
      </c>
      <c r="J638" s="34"/>
    </row>
    <row r="639" spans="2:10" ht="39.75" customHeight="1" x14ac:dyDescent="0.2">
      <c r="B639" s="24"/>
      <c r="C639" s="11" t="s">
        <v>506</v>
      </c>
      <c r="D639" s="12" t="s">
        <v>1060</v>
      </c>
      <c r="E639" s="11">
        <v>142115</v>
      </c>
      <c r="F639" s="12" t="s">
        <v>1679</v>
      </c>
      <c r="G639" s="17" t="s">
        <v>482</v>
      </c>
      <c r="H639" s="20">
        <v>1</v>
      </c>
      <c r="I639" s="18">
        <v>0</v>
      </c>
      <c r="J639" s="34"/>
    </row>
    <row r="640" spans="2:10" ht="39.75" customHeight="1" x14ac:dyDescent="0.2">
      <c r="B640" s="24"/>
      <c r="C640" s="11" t="s">
        <v>491</v>
      </c>
      <c r="D640" s="12" t="s">
        <v>1060</v>
      </c>
      <c r="E640" s="11">
        <v>142115</v>
      </c>
      <c r="F640" s="12" t="s">
        <v>1194</v>
      </c>
      <c r="G640" s="17" t="s">
        <v>487</v>
      </c>
      <c r="H640" s="20">
        <v>2</v>
      </c>
      <c r="I640" s="18">
        <v>0</v>
      </c>
      <c r="J640" s="34"/>
    </row>
    <row r="641" spans="2:10" ht="39.75" customHeight="1" x14ac:dyDescent="0.2">
      <c r="B641" s="24"/>
      <c r="C641" s="11" t="s">
        <v>304</v>
      </c>
      <c r="D641" s="12" t="s">
        <v>1060</v>
      </c>
      <c r="E641" s="11">
        <v>142115</v>
      </c>
      <c r="F641" s="12" t="s">
        <v>1400</v>
      </c>
      <c r="G641" s="13" t="s">
        <v>390</v>
      </c>
      <c r="H641" s="20">
        <v>2</v>
      </c>
      <c r="I641" s="18">
        <v>0</v>
      </c>
      <c r="J641" s="34"/>
    </row>
    <row r="642" spans="2:10" ht="39.75" customHeight="1" x14ac:dyDescent="0.2">
      <c r="B642" s="24"/>
      <c r="C642" s="11" t="s">
        <v>510</v>
      </c>
      <c r="D642" s="12" t="s">
        <v>1060</v>
      </c>
      <c r="E642" s="11">
        <v>142115</v>
      </c>
      <c r="F642" s="12" t="s">
        <v>1484</v>
      </c>
      <c r="G642" s="17" t="s">
        <v>482</v>
      </c>
      <c r="H642" s="20">
        <v>1</v>
      </c>
      <c r="I642" s="18">
        <v>0</v>
      </c>
      <c r="J642" s="34"/>
    </row>
    <row r="643" spans="2:10" ht="39.75" customHeight="1" x14ac:dyDescent="0.2">
      <c r="B643" s="24"/>
      <c r="C643" s="11" t="s">
        <v>517</v>
      </c>
      <c r="D643" s="12" t="s">
        <v>1060</v>
      </c>
      <c r="E643" s="11">
        <v>142115</v>
      </c>
      <c r="F643" s="12" t="s">
        <v>1401</v>
      </c>
      <c r="G643" s="17" t="s">
        <v>487</v>
      </c>
      <c r="H643" s="20">
        <v>2</v>
      </c>
      <c r="I643" s="18">
        <v>1</v>
      </c>
      <c r="J643" s="34"/>
    </row>
    <row r="644" spans="2:10" ht="39.75" customHeight="1" x14ac:dyDescent="0.2">
      <c r="B644" s="24"/>
      <c r="C644" s="11" t="s">
        <v>511</v>
      </c>
      <c r="D644" s="12" t="s">
        <v>1060</v>
      </c>
      <c r="E644" s="11">
        <v>142115</v>
      </c>
      <c r="F644" s="12" t="s">
        <v>1783</v>
      </c>
      <c r="G644" s="17" t="s">
        <v>482</v>
      </c>
      <c r="H644" s="20">
        <v>1</v>
      </c>
      <c r="I644" s="18">
        <v>0</v>
      </c>
      <c r="J644" s="34"/>
    </row>
    <row r="645" spans="2:10" ht="39.75" customHeight="1" x14ac:dyDescent="0.2">
      <c r="B645" s="24"/>
      <c r="C645" s="11" t="s">
        <v>502</v>
      </c>
      <c r="D645" s="12" t="s">
        <v>1060</v>
      </c>
      <c r="E645" s="11">
        <v>142115</v>
      </c>
      <c r="F645" s="12" t="s">
        <v>1680</v>
      </c>
      <c r="G645" s="17" t="s">
        <v>482</v>
      </c>
      <c r="H645" s="20">
        <v>1</v>
      </c>
      <c r="I645" s="18">
        <v>0</v>
      </c>
      <c r="J645" s="34"/>
    </row>
    <row r="646" spans="2:10" ht="39.75" customHeight="1" x14ac:dyDescent="0.2">
      <c r="B646" s="24"/>
      <c r="C646" s="11" t="s">
        <v>492</v>
      </c>
      <c r="D646" s="12" t="s">
        <v>1060</v>
      </c>
      <c r="E646" s="11">
        <v>142115</v>
      </c>
      <c r="F646" s="12" t="s">
        <v>1784</v>
      </c>
      <c r="G646" s="17" t="s">
        <v>487</v>
      </c>
      <c r="H646" s="20">
        <v>5</v>
      </c>
      <c r="I646" s="18">
        <v>0</v>
      </c>
      <c r="J646" s="34"/>
    </row>
    <row r="647" spans="2:10" ht="39.75" customHeight="1" x14ac:dyDescent="0.2">
      <c r="B647" s="24"/>
      <c r="C647" s="11" t="s">
        <v>516</v>
      </c>
      <c r="D647" s="12" t="s">
        <v>1060</v>
      </c>
      <c r="E647" s="11">
        <v>142115</v>
      </c>
      <c r="F647" s="12" t="s">
        <v>1274</v>
      </c>
      <c r="G647" s="17" t="s">
        <v>487</v>
      </c>
      <c r="H647" s="20">
        <v>2</v>
      </c>
      <c r="I647" s="18">
        <v>0</v>
      </c>
      <c r="J647" s="34"/>
    </row>
    <row r="648" spans="2:10" ht="39.75" customHeight="1" x14ac:dyDescent="0.2">
      <c r="B648" s="24"/>
      <c r="C648" s="11" t="s">
        <v>514</v>
      </c>
      <c r="D648" s="12" t="s">
        <v>1060</v>
      </c>
      <c r="E648" s="11">
        <v>142115</v>
      </c>
      <c r="F648" s="12" t="s">
        <v>1785</v>
      </c>
      <c r="G648" s="17" t="s">
        <v>482</v>
      </c>
      <c r="H648" s="20">
        <v>1</v>
      </c>
      <c r="I648" s="18">
        <v>0</v>
      </c>
      <c r="J648" s="34"/>
    </row>
    <row r="649" spans="2:10" ht="39.75" customHeight="1" x14ac:dyDescent="0.2">
      <c r="B649" s="24"/>
      <c r="C649" s="11" t="s">
        <v>499</v>
      </c>
      <c r="D649" s="12" t="s">
        <v>1060</v>
      </c>
      <c r="E649" s="11">
        <v>142115</v>
      </c>
      <c r="F649" s="12" t="s">
        <v>1681</v>
      </c>
      <c r="G649" s="17" t="s">
        <v>482</v>
      </c>
      <c r="H649" s="20">
        <v>1</v>
      </c>
      <c r="I649" s="18">
        <v>1</v>
      </c>
      <c r="J649" s="34"/>
    </row>
    <row r="650" spans="2:10" ht="39.75" customHeight="1" x14ac:dyDescent="0.2">
      <c r="B650" s="24"/>
      <c r="C650" s="11" t="s">
        <v>515</v>
      </c>
      <c r="D650" s="12" t="s">
        <v>1060</v>
      </c>
      <c r="E650" s="11">
        <v>142115</v>
      </c>
      <c r="F650" s="12" t="s">
        <v>1786</v>
      </c>
      <c r="G650" s="17" t="s">
        <v>482</v>
      </c>
      <c r="H650" s="20">
        <v>1</v>
      </c>
      <c r="I650" s="18">
        <v>0</v>
      </c>
      <c r="J650" s="34"/>
    </row>
    <row r="651" spans="2:10" ht="39.75" customHeight="1" x14ac:dyDescent="0.2">
      <c r="B651" s="24"/>
      <c r="C651" s="11" t="s">
        <v>490</v>
      </c>
      <c r="D651" s="12" t="s">
        <v>1060</v>
      </c>
      <c r="E651" s="11">
        <v>142115</v>
      </c>
      <c r="F651" s="12" t="s">
        <v>1195</v>
      </c>
      <c r="G651" s="17" t="s">
        <v>487</v>
      </c>
      <c r="H651" s="20">
        <v>5</v>
      </c>
      <c r="I651" s="18">
        <v>0</v>
      </c>
      <c r="J651" s="34"/>
    </row>
    <row r="652" spans="2:10" ht="39.75" customHeight="1" x14ac:dyDescent="0.2">
      <c r="B652" s="24"/>
      <c r="C652" s="11" t="s">
        <v>489</v>
      </c>
      <c r="D652" s="12" t="s">
        <v>1060</v>
      </c>
      <c r="E652" s="11">
        <v>142115</v>
      </c>
      <c r="F652" s="12" t="s">
        <v>1682</v>
      </c>
      <c r="G652" s="17" t="s">
        <v>487</v>
      </c>
      <c r="H652" s="20">
        <v>24</v>
      </c>
      <c r="I652" s="18">
        <v>0</v>
      </c>
      <c r="J652" s="34"/>
    </row>
    <row r="653" spans="2:10" ht="39.75" customHeight="1" x14ac:dyDescent="0.2">
      <c r="B653" s="24"/>
      <c r="C653" s="11" t="s">
        <v>480</v>
      </c>
      <c r="D653" s="12" t="s">
        <v>1060</v>
      </c>
      <c r="E653" s="11">
        <v>142115</v>
      </c>
      <c r="F653" s="12" t="s">
        <v>1683</v>
      </c>
      <c r="G653" s="17" t="s">
        <v>487</v>
      </c>
      <c r="H653" s="20">
        <v>6</v>
      </c>
      <c r="I653" s="18">
        <v>0</v>
      </c>
      <c r="J653" s="34"/>
    </row>
    <row r="654" spans="2:10" ht="39.75" customHeight="1" x14ac:dyDescent="0.2">
      <c r="B654" s="24"/>
      <c r="C654" s="11" t="s">
        <v>488</v>
      </c>
      <c r="D654" s="12" t="s">
        <v>1060</v>
      </c>
      <c r="E654" s="11">
        <v>142115</v>
      </c>
      <c r="F654" s="12" t="s">
        <v>1684</v>
      </c>
      <c r="G654" s="17" t="s">
        <v>487</v>
      </c>
      <c r="H654" s="20">
        <v>6</v>
      </c>
      <c r="I654" s="18">
        <v>0</v>
      </c>
      <c r="J654" s="34"/>
    </row>
    <row r="655" spans="2:10" ht="39.75" customHeight="1" x14ac:dyDescent="0.2">
      <c r="B655" s="24"/>
      <c r="C655" s="11" t="s">
        <v>507</v>
      </c>
      <c r="D655" s="12" t="s">
        <v>1060</v>
      </c>
      <c r="E655" s="11">
        <v>142115</v>
      </c>
      <c r="F655" s="12" t="s">
        <v>1485</v>
      </c>
      <c r="G655" s="17" t="s">
        <v>482</v>
      </c>
      <c r="H655" s="20">
        <v>3</v>
      </c>
      <c r="I655" s="18">
        <v>0</v>
      </c>
      <c r="J655" s="34"/>
    </row>
    <row r="656" spans="2:10" ht="39.75" customHeight="1" x14ac:dyDescent="0.2">
      <c r="B656" s="24"/>
      <c r="C656" s="11" t="s">
        <v>500</v>
      </c>
      <c r="D656" s="12" t="s">
        <v>1060</v>
      </c>
      <c r="E656" s="11">
        <v>142115</v>
      </c>
      <c r="F656" s="12" t="s">
        <v>1402</v>
      </c>
      <c r="G656" s="17" t="s">
        <v>482</v>
      </c>
      <c r="H656" s="20">
        <v>2</v>
      </c>
      <c r="I656" s="18">
        <v>0</v>
      </c>
      <c r="J656" s="34"/>
    </row>
    <row r="657" spans="2:10" ht="39.75" customHeight="1" x14ac:dyDescent="0.2">
      <c r="B657" s="24"/>
      <c r="C657" s="11" t="s">
        <v>505</v>
      </c>
      <c r="D657" s="12" t="s">
        <v>1060</v>
      </c>
      <c r="E657" s="11">
        <v>142115</v>
      </c>
      <c r="F657" s="12" t="s">
        <v>1275</v>
      </c>
      <c r="G657" s="17" t="s">
        <v>482</v>
      </c>
      <c r="H657" s="20">
        <v>2</v>
      </c>
      <c r="I657" s="18">
        <v>0</v>
      </c>
      <c r="J657" s="34"/>
    </row>
    <row r="658" spans="2:10" ht="39.75" customHeight="1" x14ac:dyDescent="0.2">
      <c r="B658" s="24"/>
      <c r="C658" s="11" t="s">
        <v>495</v>
      </c>
      <c r="D658" s="12" t="s">
        <v>1060</v>
      </c>
      <c r="E658" s="11">
        <v>142115</v>
      </c>
      <c r="F658" s="12" t="s">
        <v>1685</v>
      </c>
      <c r="G658" s="17" t="s">
        <v>482</v>
      </c>
      <c r="H658" s="20">
        <v>2</v>
      </c>
      <c r="I658" s="18">
        <v>0</v>
      </c>
      <c r="J658" s="34"/>
    </row>
    <row r="659" spans="2:10" ht="39.75" customHeight="1" x14ac:dyDescent="0.2">
      <c r="B659" s="24"/>
      <c r="C659" s="11" t="s">
        <v>89</v>
      </c>
      <c r="D659" s="12" t="s">
        <v>1060</v>
      </c>
      <c r="E659" s="11">
        <v>142115</v>
      </c>
      <c r="F659" s="12" t="s">
        <v>334</v>
      </c>
      <c r="G659" s="13" t="s">
        <v>390</v>
      </c>
      <c r="H659" s="20">
        <v>10</v>
      </c>
      <c r="I659" s="18">
        <v>4</v>
      </c>
      <c r="J659" s="34"/>
    </row>
    <row r="660" spans="2:10" ht="39.75" customHeight="1" x14ac:dyDescent="0.2">
      <c r="B660" s="24"/>
      <c r="C660" s="11" t="s">
        <v>512</v>
      </c>
      <c r="D660" s="12" t="s">
        <v>1060</v>
      </c>
      <c r="E660" s="11">
        <v>142115</v>
      </c>
      <c r="F660" s="12" t="s">
        <v>1486</v>
      </c>
      <c r="G660" s="17" t="s">
        <v>487</v>
      </c>
      <c r="H660" s="20">
        <v>9</v>
      </c>
      <c r="I660" s="18">
        <v>0</v>
      </c>
      <c r="J660" s="34"/>
    </row>
    <row r="661" spans="2:10" ht="39.75" customHeight="1" x14ac:dyDescent="0.2">
      <c r="B661" s="24"/>
      <c r="C661" s="11" t="s">
        <v>498</v>
      </c>
      <c r="D661" s="12" t="s">
        <v>1060</v>
      </c>
      <c r="E661" s="11">
        <v>142115</v>
      </c>
      <c r="F661" s="12" t="s">
        <v>1321</v>
      </c>
      <c r="G661" s="17" t="s">
        <v>482</v>
      </c>
      <c r="H661" s="20">
        <v>1</v>
      </c>
      <c r="I661" s="18">
        <v>0</v>
      </c>
      <c r="J661" s="34"/>
    </row>
    <row r="662" spans="2:10" ht="39.75" customHeight="1" x14ac:dyDescent="0.2">
      <c r="B662" s="24"/>
      <c r="C662" s="11" t="s">
        <v>501</v>
      </c>
      <c r="D662" s="12" t="s">
        <v>1060</v>
      </c>
      <c r="E662" s="11">
        <v>142115</v>
      </c>
      <c r="F662" s="12" t="s">
        <v>1487</v>
      </c>
      <c r="G662" s="17" t="s">
        <v>482</v>
      </c>
      <c r="H662" s="20">
        <v>1</v>
      </c>
      <c r="I662" s="18">
        <v>0</v>
      </c>
      <c r="J662" s="34"/>
    </row>
    <row r="663" spans="2:10" ht="39.75" customHeight="1" x14ac:dyDescent="0.2">
      <c r="B663" s="24"/>
      <c r="C663" s="11" t="s">
        <v>503</v>
      </c>
      <c r="D663" s="12" t="s">
        <v>1060</v>
      </c>
      <c r="E663" s="11">
        <v>142115</v>
      </c>
      <c r="F663" s="12" t="s">
        <v>1403</v>
      </c>
      <c r="G663" s="17" t="s">
        <v>482</v>
      </c>
      <c r="H663" s="20">
        <v>2</v>
      </c>
      <c r="I663" s="18">
        <v>0</v>
      </c>
      <c r="J663" s="34"/>
    </row>
    <row r="664" spans="2:10" ht="39.75" customHeight="1" x14ac:dyDescent="0.2">
      <c r="B664" s="24"/>
      <c r="C664" s="11" t="s">
        <v>221</v>
      </c>
      <c r="D664" s="12" t="s">
        <v>1060</v>
      </c>
      <c r="E664" s="11">
        <v>142115</v>
      </c>
      <c r="F664" s="12" t="s">
        <v>1276</v>
      </c>
      <c r="G664" s="13" t="s">
        <v>390</v>
      </c>
      <c r="H664" s="20">
        <v>2</v>
      </c>
      <c r="I664" s="18">
        <v>1</v>
      </c>
      <c r="J664" s="34"/>
    </row>
    <row r="665" spans="2:10" ht="39.75" customHeight="1" x14ac:dyDescent="0.2">
      <c r="B665" s="24"/>
      <c r="C665" s="11" t="s">
        <v>223</v>
      </c>
      <c r="D665" s="12" t="s">
        <v>1060</v>
      </c>
      <c r="E665" s="11">
        <v>142115</v>
      </c>
      <c r="F665" s="12" t="s">
        <v>1488</v>
      </c>
      <c r="G665" s="13" t="s">
        <v>390</v>
      </c>
      <c r="H665" s="20">
        <v>1</v>
      </c>
      <c r="I665" s="18">
        <v>1</v>
      </c>
      <c r="J665" s="34"/>
    </row>
    <row r="666" spans="2:10" ht="39.75" customHeight="1" x14ac:dyDescent="0.2">
      <c r="B666" s="24"/>
      <c r="C666" s="11" t="s">
        <v>494</v>
      </c>
      <c r="D666" s="12" t="s">
        <v>1060</v>
      </c>
      <c r="E666" s="11">
        <v>142115</v>
      </c>
      <c r="F666" s="12" t="s">
        <v>1686</v>
      </c>
      <c r="G666" s="17" t="s">
        <v>482</v>
      </c>
      <c r="H666" s="20">
        <v>1</v>
      </c>
      <c r="I666" s="18">
        <v>0</v>
      </c>
      <c r="J666" s="34"/>
    </row>
    <row r="667" spans="2:10" ht="39.75" customHeight="1" x14ac:dyDescent="0.2">
      <c r="B667" s="24"/>
      <c r="C667" s="11" t="s">
        <v>222</v>
      </c>
      <c r="D667" s="12" t="s">
        <v>1060</v>
      </c>
      <c r="E667" s="11">
        <v>142115</v>
      </c>
      <c r="F667" s="12" t="s">
        <v>1322</v>
      </c>
      <c r="G667" s="13" t="s">
        <v>390</v>
      </c>
      <c r="H667" s="20">
        <v>2</v>
      </c>
      <c r="I667" s="18">
        <v>0</v>
      </c>
      <c r="J667" s="34"/>
    </row>
    <row r="668" spans="2:10" ht="39.75" customHeight="1" x14ac:dyDescent="0.2">
      <c r="B668" s="43"/>
      <c r="C668" s="61" t="s">
        <v>1957</v>
      </c>
      <c r="D668" s="19" t="s">
        <v>1955</v>
      </c>
      <c r="E668" s="11">
        <v>142123</v>
      </c>
      <c r="F668" s="19" t="s">
        <v>1958</v>
      </c>
      <c r="G668" s="48" t="s">
        <v>1955</v>
      </c>
      <c r="H668" s="49">
        <v>1</v>
      </c>
      <c r="I668" s="50">
        <v>0</v>
      </c>
      <c r="J668" s="51"/>
    </row>
    <row r="669" spans="2:10" ht="39.75" customHeight="1" x14ac:dyDescent="0.2">
      <c r="B669" s="24"/>
      <c r="C669" s="11" t="s">
        <v>59</v>
      </c>
      <c r="D669" s="12" t="s">
        <v>1061</v>
      </c>
      <c r="E669" s="11">
        <v>142123</v>
      </c>
      <c r="F669" s="12" t="s">
        <v>1196</v>
      </c>
      <c r="G669" s="13" t="s">
        <v>390</v>
      </c>
      <c r="H669" s="20">
        <v>2</v>
      </c>
      <c r="I669" s="18">
        <v>0</v>
      </c>
      <c r="J669" s="34"/>
    </row>
    <row r="670" spans="2:10" ht="39.75" customHeight="1" x14ac:dyDescent="0.2">
      <c r="B670" s="44"/>
      <c r="C670" s="61" t="s">
        <v>1959</v>
      </c>
      <c r="D670" s="19" t="s">
        <v>1955</v>
      </c>
      <c r="E670" s="11">
        <v>142123</v>
      </c>
      <c r="F670" s="19" t="s">
        <v>1960</v>
      </c>
      <c r="G670" s="48" t="s">
        <v>1955</v>
      </c>
      <c r="H670" s="49">
        <v>1</v>
      </c>
      <c r="I670" s="50">
        <v>0</v>
      </c>
      <c r="J670" s="51"/>
    </row>
    <row r="671" spans="2:10" ht="39.75" customHeight="1" x14ac:dyDescent="0.2">
      <c r="B671" s="42"/>
      <c r="C671" s="61" t="s">
        <v>1961</v>
      </c>
      <c r="D671" s="19" t="s">
        <v>1955</v>
      </c>
      <c r="E671" s="11">
        <v>142123</v>
      </c>
      <c r="F671" s="19" t="s">
        <v>1962</v>
      </c>
      <c r="G671" s="48" t="s">
        <v>1955</v>
      </c>
      <c r="H671" s="49">
        <v>1</v>
      </c>
      <c r="I671" s="50">
        <v>0</v>
      </c>
      <c r="J671" s="51"/>
    </row>
    <row r="672" spans="2:10" ht="39.75" customHeight="1" x14ac:dyDescent="0.2">
      <c r="B672" s="42"/>
      <c r="C672" s="61" t="s">
        <v>1963</v>
      </c>
      <c r="D672" s="19" t="s">
        <v>1955</v>
      </c>
      <c r="E672" s="11">
        <v>142123</v>
      </c>
      <c r="F672" s="19" t="s">
        <v>1964</v>
      </c>
      <c r="G672" s="48" t="s">
        <v>1955</v>
      </c>
      <c r="H672" s="49">
        <v>2</v>
      </c>
      <c r="I672" s="50">
        <v>1</v>
      </c>
      <c r="J672" s="51"/>
    </row>
    <row r="673" spans="2:10" ht="39.75" customHeight="1" x14ac:dyDescent="0.2">
      <c r="B673" s="42"/>
      <c r="C673" s="61" t="s">
        <v>1965</v>
      </c>
      <c r="D673" s="19" t="s">
        <v>1955</v>
      </c>
      <c r="E673" s="11">
        <v>142123</v>
      </c>
      <c r="F673" s="19" t="s">
        <v>1966</v>
      </c>
      <c r="G673" s="48" t="s">
        <v>1955</v>
      </c>
      <c r="H673" s="49">
        <v>5</v>
      </c>
      <c r="I673" s="50">
        <v>0</v>
      </c>
      <c r="J673" s="51"/>
    </row>
    <row r="674" spans="2:10" ht="39.75" customHeight="1" x14ac:dyDescent="0.2">
      <c r="B674" s="43"/>
      <c r="C674" s="61" t="s">
        <v>1967</v>
      </c>
      <c r="D674" s="19" t="s">
        <v>1955</v>
      </c>
      <c r="E674" s="11">
        <v>142123</v>
      </c>
      <c r="F674" s="19" t="s">
        <v>1968</v>
      </c>
      <c r="G674" s="48" t="s">
        <v>1955</v>
      </c>
      <c r="H674" s="49">
        <v>5</v>
      </c>
      <c r="I674" s="50">
        <v>2</v>
      </c>
      <c r="J674" s="51"/>
    </row>
    <row r="675" spans="2:10" ht="39.75" customHeight="1" x14ac:dyDescent="0.2">
      <c r="B675" s="43"/>
      <c r="C675" s="61" t="s">
        <v>1969</v>
      </c>
      <c r="D675" s="19" t="s">
        <v>1955</v>
      </c>
      <c r="E675" s="11">
        <v>142123</v>
      </c>
      <c r="F675" s="19" t="s">
        <v>1970</v>
      </c>
      <c r="G675" s="48" t="s">
        <v>1955</v>
      </c>
      <c r="H675" s="49">
        <v>1</v>
      </c>
      <c r="I675" s="50">
        <v>0</v>
      </c>
      <c r="J675" s="51"/>
    </row>
    <row r="676" spans="2:10" ht="39.75" customHeight="1" x14ac:dyDescent="0.2">
      <c r="B676" s="43"/>
      <c r="C676" s="61" t="s">
        <v>1971</v>
      </c>
      <c r="D676" s="19" t="s">
        <v>1955</v>
      </c>
      <c r="E676" s="11">
        <v>142123</v>
      </c>
      <c r="F676" s="19" t="s">
        <v>1972</v>
      </c>
      <c r="G676" s="48" t="s">
        <v>1955</v>
      </c>
      <c r="H676" s="49">
        <v>1</v>
      </c>
      <c r="I676" s="50">
        <v>1</v>
      </c>
      <c r="J676" s="51"/>
    </row>
    <row r="677" spans="2:10" ht="39.75" customHeight="1" x14ac:dyDescent="0.2">
      <c r="B677" s="24"/>
      <c r="C677" s="11" t="s">
        <v>58</v>
      </c>
      <c r="D677" s="12" t="s">
        <v>1061</v>
      </c>
      <c r="E677" s="11">
        <v>142123</v>
      </c>
      <c r="F677" s="12" t="s">
        <v>1687</v>
      </c>
      <c r="G677" s="13" t="s">
        <v>390</v>
      </c>
      <c r="H677" s="20">
        <v>3</v>
      </c>
      <c r="I677" s="18">
        <v>2</v>
      </c>
      <c r="J677" s="34"/>
    </row>
    <row r="678" spans="2:10" ht="39.75" customHeight="1" x14ac:dyDescent="0.2">
      <c r="B678" s="42"/>
      <c r="C678" s="61" t="s">
        <v>1973</v>
      </c>
      <c r="D678" s="19" t="s">
        <v>1955</v>
      </c>
      <c r="E678" s="11">
        <v>142123</v>
      </c>
      <c r="F678" s="19" t="s">
        <v>1974</v>
      </c>
      <c r="G678" s="48" t="s">
        <v>1955</v>
      </c>
      <c r="H678" s="49">
        <v>3</v>
      </c>
      <c r="I678" s="50">
        <v>0</v>
      </c>
      <c r="J678" s="51"/>
    </row>
    <row r="679" spans="2:10" ht="39.75" customHeight="1" x14ac:dyDescent="0.2">
      <c r="B679" s="42"/>
      <c r="C679" s="61" t="s">
        <v>1975</v>
      </c>
      <c r="D679" s="19" t="s">
        <v>1955</v>
      </c>
      <c r="E679" s="11">
        <v>142123</v>
      </c>
      <c r="F679" s="19" t="s">
        <v>1976</v>
      </c>
      <c r="G679" s="48" t="s">
        <v>1955</v>
      </c>
      <c r="H679" s="49">
        <v>6</v>
      </c>
      <c r="I679" s="50">
        <v>4</v>
      </c>
      <c r="J679" s="51"/>
    </row>
    <row r="680" spans="2:10" ht="39.75" customHeight="1" x14ac:dyDescent="0.2">
      <c r="B680" s="43"/>
      <c r="C680" s="61" t="s">
        <v>1977</v>
      </c>
      <c r="D680" s="19" t="s">
        <v>1955</v>
      </c>
      <c r="E680" s="11">
        <v>142123</v>
      </c>
      <c r="F680" s="19" t="s">
        <v>1978</v>
      </c>
      <c r="G680" s="48" t="s">
        <v>1955</v>
      </c>
      <c r="H680" s="49">
        <v>2</v>
      </c>
      <c r="I680" s="50">
        <v>1</v>
      </c>
      <c r="J680" s="51"/>
    </row>
    <row r="681" spans="2:10" ht="39.75" customHeight="1" x14ac:dyDescent="0.2">
      <c r="B681" s="42"/>
      <c r="C681" s="61" t="s">
        <v>1979</v>
      </c>
      <c r="D681" s="19" t="s">
        <v>1955</v>
      </c>
      <c r="E681" s="11">
        <v>142123</v>
      </c>
      <c r="F681" s="19" t="s">
        <v>1980</v>
      </c>
      <c r="G681" s="48" t="s">
        <v>1955</v>
      </c>
      <c r="H681" s="49">
        <v>1</v>
      </c>
      <c r="I681" s="50">
        <v>0</v>
      </c>
      <c r="J681" s="51"/>
    </row>
    <row r="682" spans="2:10" ht="39.75" customHeight="1" x14ac:dyDescent="0.2">
      <c r="B682" s="43"/>
      <c r="C682" s="61" t="s">
        <v>1981</v>
      </c>
      <c r="D682" s="19" t="s">
        <v>1955</v>
      </c>
      <c r="E682" s="11">
        <v>142123</v>
      </c>
      <c r="F682" s="19" t="s">
        <v>1982</v>
      </c>
      <c r="G682" s="48" t="s">
        <v>1955</v>
      </c>
      <c r="H682" s="49">
        <v>1</v>
      </c>
      <c r="I682" s="50">
        <v>0</v>
      </c>
      <c r="J682" s="51"/>
    </row>
    <row r="683" spans="2:10" ht="39.75" customHeight="1" x14ac:dyDescent="0.2">
      <c r="B683" s="43"/>
      <c r="C683" s="61" t="s">
        <v>1983</v>
      </c>
      <c r="D683" s="19" t="s">
        <v>1955</v>
      </c>
      <c r="E683" s="11">
        <v>142123</v>
      </c>
      <c r="F683" s="19" t="s">
        <v>1984</v>
      </c>
      <c r="G683" s="48" t="s">
        <v>1955</v>
      </c>
      <c r="H683" s="49">
        <v>5</v>
      </c>
      <c r="I683" s="50">
        <v>0</v>
      </c>
      <c r="J683" s="51"/>
    </row>
    <row r="684" spans="2:10" ht="39.75" customHeight="1" x14ac:dyDescent="0.2">
      <c r="B684" s="24"/>
      <c r="C684" s="11" t="s">
        <v>69</v>
      </c>
      <c r="D684" s="12" t="s">
        <v>1061</v>
      </c>
      <c r="E684" s="11">
        <v>142123</v>
      </c>
      <c r="F684" s="12" t="s">
        <v>328</v>
      </c>
      <c r="G684" s="13" t="s">
        <v>390</v>
      </c>
      <c r="H684" s="20">
        <v>1</v>
      </c>
      <c r="I684" s="18">
        <v>0</v>
      </c>
      <c r="J684" s="34"/>
    </row>
    <row r="685" spans="2:10" ht="39.75" customHeight="1" x14ac:dyDescent="0.2">
      <c r="B685" s="43"/>
      <c r="C685" s="61" t="s">
        <v>1985</v>
      </c>
      <c r="D685" s="19" t="s">
        <v>1955</v>
      </c>
      <c r="E685" s="11">
        <v>142123</v>
      </c>
      <c r="F685" s="19" t="s">
        <v>1986</v>
      </c>
      <c r="G685" s="48" t="s">
        <v>1955</v>
      </c>
      <c r="H685" s="49">
        <v>1</v>
      </c>
      <c r="I685" s="50">
        <v>0</v>
      </c>
      <c r="J685" s="51"/>
    </row>
    <row r="686" spans="2:10" ht="39.75" customHeight="1" x14ac:dyDescent="0.2">
      <c r="B686" s="42"/>
      <c r="C686" s="61" t="s">
        <v>1987</v>
      </c>
      <c r="D686" s="19" t="s">
        <v>1955</v>
      </c>
      <c r="E686" s="11">
        <v>142123</v>
      </c>
      <c r="F686" s="19" t="s">
        <v>1988</v>
      </c>
      <c r="G686" s="48" t="s">
        <v>1955</v>
      </c>
      <c r="H686" s="49">
        <v>9</v>
      </c>
      <c r="I686" s="50">
        <v>0</v>
      </c>
      <c r="J686" s="51"/>
    </row>
    <row r="687" spans="2:10" ht="39.75" customHeight="1" x14ac:dyDescent="0.2">
      <c r="B687" s="43"/>
      <c r="C687" s="61" t="s">
        <v>1989</v>
      </c>
      <c r="D687" s="19" t="s">
        <v>1955</v>
      </c>
      <c r="E687" s="11">
        <v>142123</v>
      </c>
      <c r="F687" s="19" t="s">
        <v>1990</v>
      </c>
      <c r="G687" s="48" t="s">
        <v>1955</v>
      </c>
      <c r="H687" s="49">
        <v>2</v>
      </c>
      <c r="I687" s="50">
        <v>1</v>
      </c>
      <c r="J687" s="51"/>
    </row>
    <row r="688" spans="2:10" ht="39.75" customHeight="1" x14ac:dyDescent="0.2">
      <c r="B688" s="42"/>
      <c r="C688" s="61" t="s">
        <v>1991</v>
      </c>
      <c r="D688" s="19" t="s">
        <v>1955</v>
      </c>
      <c r="E688" s="11">
        <v>142123</v>
      </c>
      <c r="F688" s="19" t="s">
        <v>1992</v>
      </c>
      <c r="G688" s="48" t="s">
        <v>1955</v>
      </c>
      <c r="H688" s="49">
        <v>2</v>
      </c>
      <c r="I688" s="50">
        <v>0</v>
      </c>
      <c r="J688" s="51"/>
    </row>
    <row r="689" spans="2:10" ht="39.75" customHeight="1" x14ac:dyDescent="0.2">
      <c r="B689" s="43"/>
      <c r="C689" s="61" t="s">
        <v>1993</v>
      </c>
      <c r="D689" s="19" t="s">
        <v>1955</v>
      </c>
      <c r="E689" s="11">
        <v>142123</v>
      </c>
      <c r="F689" s="19" t="s">
        <v>1994</v>
      </c>
      <c r="G689" s="48" t="s">
        <v>1955</v>
      </c>
      <c r="H689" s="49">
        <v>9</v>
      </c>
      <c r="I689" s="50">
        <v>6</v>
      </c>
      <c r="J689" s="51"/>
    </row>
    <row r="690" spans="2:10" ht="39.75" customHeight="1" x14ac:dyDescent="0.2">
      <c r="B690" s="43"/>
      <c r="C690" s="61" t="s">
        <v>542</v>
      </c>
      <c r="D690" s="19" t="s">
        <v>1955</v>
      </c>
      <c r="E690" s="11">
        <v>142123</v>
      </c>
      <c r="F690" s="19" t="s">
        <v>1995</v>
      </c>
      <c r="G690" s="48" t="s">
        <v>1955</v>
      </c>
      <c r="H690" s="49">
        <v>4</v>
      </c>
      <c r="I690" s="50">
        <v>0</v>
      </c>
      <c r="J690" s="51"/>
    </row>
    <row r="691" spans="2:10" ht="39.75" customHeight="1" x14ac:dyDescent="0.2">
      <c r="B691" s="43"/>
      <c r="C691" s="61" t="s">
        <v>1996</v>
      </c>
      <c r="D691" s="19" t="s">
        <v>1955</v>
      </c>
      <c r="E691" s="11">
        <v>142123</v>
      </c>
      <c r="F691" s="19" t="s">
        <v>1997</v>
      </c>
      <c r="G691" s="48" t="s">
        <v>1955</v>
      </c>
      <c r="H691" s="49">
        <v>0</v>
      </c>
      <c r="I691" s="50">
        <v>1</v>
      </c>
      <c r="J691" s="51"/>
    </row>
    <row r="692" spans="2:10" ht="39.75" customHeight="1" x14ac:dyDescent="0.2">
      <c r="B692" s="43"/>
      <c r="C692" s="61" t="s">
        <v>1998</v>
      </c>
      <c r="D692" s="19" t="s">
        <v>1955</v>
      </c>
      <c r="E692" s="11">
        <v>142123</v>
      </c>
      <c r="F692" s="19" t="s">
        <v>1999</v>
      </c>
      <c r="G692" s="48" t="s">
        <v>1955</v>
      </c>
      <c r="H692" s="49">
        <v>2</v>
      </c>
      <c r="I692" s="50">
        <v>0</v>
      </c>
      <c r="J692" s="51"/>
    </row>
    <row r="693" spans="2:10" ht="39.75" customHeight="1" x14ac:dyDescent="0.2">
      <c r="B693" s="24"/>
      <c r="C693" s="11" t="s">
        <v>44</v>
      </c>
      <c r="D693" s="12" t="s">
        <v>1061</v>
      </c>
      <c r="E693" s="11">
        <v>142123</v>
      </c>
      <c r="F693" s="12" t="s">
        <v>1570</v>
      </c>
      <c r="G693" s="13" t="s">
        <v>390</v>
      </c>
      <c r="H693" s="20">
        <v>2</v>
      </c>
      <c r="I693" s="18">
        <v>0</v>
      </c>
      <c r="J693" s="34"/>
    </row>
    <row r="694" spans="2:10" ht="39.75" customHeight="1" x14ac:dyDescent="0.2">
      <c r="B694" s="24"/>
      <c r="C694" s="11" t="s">
        <v>99</v>
      </c>
      <c r="D694" s="12" t="s">
        <v>1061</v>
      </c>
      <c r="E694" s="11">
        <v>142123</v>
      </c>
      <c r="F694" s="12" t="s">
        <v>338</v>
      </c>
      <c r="G694" s="13" t="s">
        <v>390</v>
      </c>
      <c r="H694" s="20">
        <v>4</v>
      </c>
      <c r="I694" s="18">
        <v>2</v>
      </c>
      <c r="J694" s="34"/>
    </row>
    <row r="695" spans="2:10" ht="39.75" customHeight="1" x14ac:dyDescent="0.2">
      <c r="B695" s="43"/>
      <c r="C695" s="61" t="s">
        <v>2000</v>
      </c>
      <c r="D695" s="19" t="s">
        <v>1955</v>
      </c>
      <c r="E695" s="11">
        <v>142123</v>
      </c>
      <c r="F695" s="19" t="s">
        <v>2001</v>
      </c>
      <c r="G695" s="48" t="s">
        <v>1955</v>
      </c>
      <c r="H695" s="49">
        <v>1</v>
      </c>
      <c r="I695" s="50">
        <v>0</v>
      </c>
      <c r="J695" s="51"/>
    </row>
    <row r="696" spans="2:10" ht="39.75" customHeight="1" x14ac:dyDescent="0.2">
      <c r="B696" s="43"/>
      <c r="C696" s="61" t="s">
        <v>2002</v>
      </c>
      <c r="D696" s="19" t="s">
        <v>1955</v>
      </c>
      <c r="E696" s="11">
        <v>142123</v>
      </c>
      <c r="F696" s="19" t="s">
        <v>2003</v>
      </c>
      <c r="G696" s="48" t="s">
        <v>1955</v>
      </c>
      <c r="H696" s="49">
        <v>0</v>
      </c>
      <c r="I696" s="50">
        <v>1</v>
      </c>
      <c r="J696" s="51"/>
    </row>
    <row r="697" spans="2:10" ht="39.75" customHeight="1" x14ac:dyDescent="0.2">
      <c r="B697" s="24"/>
      <c r="C697" s="11" t="s">
        <v>306</v>
      </c>
      <c r="D697" s="12" t="s">
        <v>1061</v>
      </c>
      <c r="E697" s="11">
        <v>142123</v>
      </c>
      <c r="F697" s="12" t="s">
        <v>1197</v>
      </c>
      <c r="G697" s="13" t="s">
        <v>390</v>
      </c>
      <c r="H697" s="20">
        <v>2</v>
      </c>
      <c r="I697" s="18">
        <v>0</v>
      </c>
      <c r="J697" s="34"/>
    </row>
    <row r="698" spans="2:10" ht="39.75" customHeight="1" x14ac:dyDescent="0.2">
      <c r="B698" s="43"/>
      <c r="C698" s="61" t="s">
        <v>2004</v>
      </c>
      <c r="D698" s="19" t="s">
        <v>1955</v>
      </c>
      <c r="E698" s="11">
        <v>142123</v>
      </c>
      <c r="F698" s="19" t="s">
        <v>2005</v>
      </c>
      <c r="G698" s="48" t="s">
        <v>1955</v>
      </c>
      <c r="H698" s="49">
        <v>1</v>
      </c>
      <c r="I698" s="50">
        <v>0</v>
      </c>
      <c r="J698" s="51"/>
    </row>
    <row r="699" spans="2:10" ht="39.75" customHeight="1" x14ac:dyDescent="0.2">
      <c r="B699" s="24"/>
      <c r="C699" s="11" t="s">
        <v>48</v>
      </c>
      <c r="D699" s="12" t="s">
        <v>1061</v>
      </c>
      <c r="E699" s="11">
        <v>142123</v>
      </c>
      <c r="F699" s="12" t="s">
        <v>1571</v>
      </c>
      <c r="G699" s="13" t="s">
        <v>390</v>
      </c>
      <c r="H699" s="20">
        <v>1</v>
      </c>
      <c r="I699" s="18">
        <v>0</v>
      </c>
      <c r="J699" s="34"/>
    </row>
    <row r="700" spans="2:10" ht="39.75" customHeight="1" x14ac:dyDescent="0.2">
      <c r="B700" s="24"/>
      <c r="C700" s="11" t="s">
        <v>5</v>
      </c>
      <c r="D700" s="12" t="s">
        <v>1061</v>
      </c>
      <c r="E700" s="11">
        <v>142123</v>
      </c>
      <c r="F700" s="12" t="s">
        <v>1277</v>
      </c>
      <c r="G700" s="13" t="s">
        <v>390</v>
      </c>
      <c r="H700" s="20">
        <v>2</v>
      </c>
      <c r="I700" s="18">
        <v>1</v>
      </c>
      <c r="J700" s="34"/>
    </row>
    <row r="701" spans="2:10" ht="39.75" customHeight="1" x14ac:dyDescent="0.2">
      <c r="B701" s="42"/>
      <c r="C701" s="61" t="s">
        <v>1954</v>
      </c>
      <c r="D701" s="19" t="s">
        <v>1955</v>
      </c>
      <c r="E701" s="11">
        <v>142123</v>
      </c>
      <c r="F701" s="19" t="s">
        <v>1956</v>
      </c>
      <c r="G701" s="48" t="s">
        <v>1955</v>
      </c>
      <c r="H701" s="49">
        <v>0</v>
      </c>
      <c r="I701" s="50">
        <v>1</v>
      </c>
      <c r="J701" s="51"/>
    </row>
    <row r="702" spans="2:10" ht="39.75" customHeight="1" x14ac:dyDescent="0.2">
      <c r="B702" s="42"/>
      <c r="C702" s="61" t="s">
        <v>2006</v>
      </c>
      <c r="D702" s="19" t="s">
        <v>1955</v>
      </c>
      <c r="E702" s="11">
        <v>142123</v>
      </c>
      <c r="F702" s="19" t="s">
        <v>2007</v>
      </c>
      <c r="G702" s="48" t="s">
        <v>1955</v>
      </c>
      <c r="H702" s="49">
        <v>1</v>
      </c>
      <c r="I702" s="50">
        <v>0</v>
      </c>
      <c r="J702" s="51"/>
    </row>
    <row r="703" spans="2:10" ht="39.75" customHeight="1" x14ac:dyDescent="0.2">
      <c r="B703" s="42"/>
      <c r="C703" s="61" t="s">
        <v>2008</v>
      </c>
      <c r="D703" s="19" t="s">
        <v>1955</v>
      </c>
      <c r="E703" s="11">
        <v>142123</v>
      </c>
      <c r="F703" s="19" t="s">
        <v>2009</v>
      </c>
      <c r="G703" s="48" t="s">
        <v>1955</v>
      </c>
      <c r="H703" s="49">
        <v>4</v>
      </c>
      <c r="I703" s="50">
        <v>0</v>
      </c>
      <c r="J703" s="51"/>
    </row>
    <row r="704" spans="2:10" ht="39.75" customHeight="1" x14ac:dyDescent="0.2">
      <c r="B704" s="43"/>
      <c r="C704" s="61" t="s">
        <v>2010</v>
      </c>
      <c r="D704" s="19" t="s">
        <v>1955</v>
      </c>
      <c r="E704" s="11">
        <v>142123</v>
      </c>
      <c r="F704" s="19" t="s">
        <v>2011</v>
      </c>
      <c r="G704" s="48" t="s">
        <v>1955</v>
      </c>
      <c r="H704" s="49">
        <v>0</v>
      </c>
      <c r="I704" s="50">
        <v>2</v>
      </c>
      <c r="J704" s="51"/>
    </row>
    <row r="705" spans="2:10" ht="39.75" customHeight="1" x14ac:dyDescent="0.2">
      <c r="B705" s="42"/>
      <c r="C705" s="61" t="s">
        <v>2012</v>
      </c>
      <c r="D705" s="19" t="s">
        <v>1955</v>
      </c>
      <c r="E705" s="11">
        <v>142123</v>
      </c>
      <c r="F705" s="19" t="s">
        <v>2013</v>
      </c>
      <c r="G705" s="48" t="s">
        <v>1955</v>
      </c>
      <c r="H705" s="49">
        <v>7</v>
      </c>
      <c r="I705" s="50">
        <v>0</v>
      </c>
      <c r="J705" s="51"/>
    </row>
    <row r="706" spans="2:10" ht="39.75" customHeight="1" x14ac:dyDescent="0.2">
      <c r="B706" s="42"/>
      <c r="C706" s="61" t="s">
        <v>2014</v>
      </c>
      <c r="D706" s="19" t="s">
        <v>1955</v>
      </c>
      <c r="E706" s="11">
        <v>142123</v>
      </c>
      <c r="F706" s="19" t="s">
        <v>2015</v>
      </c>
      <c r="G706" s="48" t="s">
        <v>1955</v>
      </c>
      <c r="H706" s="49">
        <v>3</v>
      </c>
      <c r="I706" s="50">
        <v>0</v>
      </c>
      <c r="J706" s="51"/>
    </row>
    <row r="707" spans="2:10" ht="39.75" customHeight="1" x14ac:dyDescent="0.2">
      <c r="B707" s="43"/>
      <c r="C707" s="61" t="s">
        <v>613</v>
      </c>
      <c r="D707" s="19" t="s">
        <v>1955</v>
      </c>
      <c r="E707" s="11">
        <v>142123</v>
      </c>
      <c r="F707" s="19" t="s">
        <v>2016</v>
      </c>
      <c r="G707" s="48" t="s">
        <v>1955</v>
      </c>
      <c r="H707" s="49">
        <v>4</v>
      </c>
      <c r="I707" s="50">
        <v>0</v>
      </c>
      <c r="J707" s="51"/>
    </row>
    <row r="708" spans="2:10" ht="39.75" customHeight="1" x14ac:dyDescent="0.2">
      <c r="B708" s="42"/>
      <c r="C708" s="61" t="s">
        <v>2017</v>
      </c>
      <c r="D708" s="19" t="s">
        <v>1955</v>
      </c>
      <c r="E708" s="11">
        <v>142123</v>
      </c>
      <c r="F708" s="19" t="s">
        <v>2018</v>
      </c>
      <c r="G708" s="48" t="s">
        <v>1955</v>
      </c>
      <c r="H708" s="49">
        <v>1</v>
      </c>
      <c r="I708" s="50">
        <v>0</v>
      </c>
      <c r="J708" s="51"/>
    </row>
    <row r="709" spans="2:10" ht="39.75" customHeight="1" x14ac:dyDescent="0.2">
      <c r="B709" s="43"/>
      <c r="C709" s="61" t="s">
        <v>2019</v>
      </c>
      <c r="D709" s="19" t="s">
        <v>1955</v>
      </c>
      <c r="E709" s="11">
        <v>142123</v>
      </c>
      <c r="F709" s="19" t="s">
        <v>2020</v>
      </c>
      <c r="G709" s="48" t="s">
        <v>1955</v>
      </c>
      <c r="H709" s="49">
        <v>1</v>
      </c>
      <c r="I709" s="50">
        <v>1</v>
      </c>
      <c r="J709" s="51"/>
    </row>
    <row r="710" spans="2:10" ht="39.75" customHeight="1" x14ac:dyDescent="0.2">
      <c r="B710" s="42"/>
      <c r="C710" s="61" t="s">
        <v>2021</v>
      </c>
      <c r="D710" s="19" t="s">
        <v>1955</v>
      </c>
      <c r="E710" s="11">
        <v>142123</v>
      </c>
      <c r="F710" s="19" t="s">
        <v>2022</v>
      </c>
      <c r="G710" s="48" t="s">
        <v>1955</v>
      </c>
      <c r="H710" s="49">
        <v>3</v>
      </c>
      <c r="I710" s="50">
        <v>2</v>
      </c>
      <c r="J710" s="51"/>
    </row>
    <row r="711" spans="2:10" ht="39.75" customHeight="1" x14ac:dyDescent="0.2">
      <c r="B711" s="42"/>
      <c r="C711" s="61" t="s">
        <v>2023</v>
      </c>
      <c r="D711" s="19" t="s">
        <v>1955</v>
      </c>
      <c r="E711" s="11">
        <v>142123</v>
      </c>
      <c r="F711" s="19" t="s">
        <v>2024</v>
      </c>
      <c r="G711" s="48" t="s">
        <v>1955</v>
      </c>
      <c r="H711" s="49">
        <v>1</v>
      </c>
      <c r="I711" s="50">
        <v>0</v>
      </c>
      <c r="J711" s="51"/>
    </row>
    <row r="712" spans="2:10" ht="39.75" customHeight="1" x14ac:dyDescent="0.2">
      <c r="B712" s="43"/>
      <c r="C712" s="61" t="s">
        <v>2025</v>
      </c>
      <c r="D712" s="19" t="s">
        <v>1955</v>
      </c>
      <c r="E712" s="11">
        <v>142123</v>
      </c>
      <c r="F712" s="19" t="s">
        <v>2026</v>
      </c>
      <c r="G712" s="48" t="s">
        <v>1955</v>
      </c>
      <c r="H712" s="49">
        <v>4</v>
      </c>
      <c r="I712" s="50">
        <v>4</v>
      </c>
      <c r="J712" s="51"/>
    </row>
    <row r="713" spans="2:10" ht="39.75" customHeight="1" x14ac:dyDescent="0.2">
      <c r="B713" s="24"/>
      <c r="C713" s="11" t="s">
        <v>352</v>
      </c>
      <c r="D713" s="12" t="s">
        <v>1061</v>
      </c>
      <c r="E713" s="11">
        <v>142123</v>
      </c>
      <c r="F713" s="12" t="s">
        <v>1162</v>
      </c>
      <c r="G713" s="13" t="s">
        <v>390</v>
      </c>
      <c r="H713" s="20">
        <v>1</v>
      </c>
      <c r="I713" s="18">
        <v>1</v>
      </c>
      <c r="J713" s="34"/>
    </row>
    <row r="714" spans="2:10" ht="39.75" customHeight="1" x14ac:dyDescent="0.2">
      <c r="B714" s="24"/>
      <c r="C714" s="11" t="s">
        <v>226</v>
      </c>
      <c r="D714" s="12" t="s">
        <v>1061</v>
      </c>
      <c r="E714" s="11">
        <v>142123</v>
      </c>
      <c r="F714" s="12" t="s">
        <v>1229</v>
      </c>
      <c r="G714" s="13" t="s">
        <v>390</v>
      </c>
      <c r="H714" s="20">
        <v>2</v>
      </c>
      <c r="I714" s="18">
        <v>1</v>
      </c>
      <c r="J714" s="34"/>
    </row>
    <row r="715" spans="2:10" ht="39.75" customHeight="1" x14ac:dyDescent="0.2">
      <c r="B715" s="24"/>
      <c r="C715" s="11" t="s">
        <v>225</v>
      </c>
      <c r="D715" s="12" t="s">
        <v>1061</v>
      </c>
      <c r="E715" s="11">
        <v>142123</v>
      </c>
      <c r="F715" s="12" t="s">
        <v>1688</v>
      </c>
      <c r="G715" s="13" t="s">
        <v>390</v>
      </c>
      <c r="H715" s="20">
        <v>1</v>
      </c>
      <c r="I715" s="18">
        <v>0</v>
      </c>
      <c r="J715" s="34"/>
    </row>
    <row r="716" spans="2:10" ht="39.75" customHeight="1" x14ac:dyDescent="0.2">
      <c r="B716" s="24"/>
      <c r="C716" s="11" t="s">
        <v>18</v>
      </c>
      <c r="D716" s="12" t="s">
        <v>1061</v>
      </c>
      <c r="E716" s="11">
        <v>142123</v>
      </c>
      <c r="F716" s="12" t="s">
        <v>1689</v>
      </c>
      <c r="G716" s="13" t="s">
        <v>390</v>
      </c>
      <c r="H716" s="20">
        <v>3</v>
      </c>
      <c r="I716" s="18">
        <v>0</v>
      </c>
      <c r="J716" s="34"/>
    </row>
    <row r="717" spans="2:10" ht="39.75" customHeight="1" x14ac:dyDescent="0.2">
      <c r="B717" s="24"/>
      <c r="C717" s="11" t="s">
        <v>224</v>
      </c>
      <c r="D717" s="12" t="s">
        <v>1061</v>
      </c>
      <c r="E717" s="11">
        <v>142123</v>
      </c>
      <c r="F717" s="12" t="s">
        <v>1323</v>
      </c>
      <c r="G717" s="13" t="s">
        <v>390</v>
      </c>
      <c r="H717" s="20">
        <v>2</v>
      </c>
      <c r="I717" s="18">
        <v>0</v>
      </c>
      <c r="J717" s="34"/>
    </row>
    <row r="718" spans="2:10" ht="39.75" customHeight="1" x14ac:dyDescent="0.2">
      <c r="B718" s="42"/>
      <c r="C718" s="61" t="s">
        <v>2027</v>
      </c>
      <c r="D718" s="19" t="s">
        <v>1955</v>
      </c>
      <c r="E718" s="11">
        <v>142123</v>
      </c>
      <c r="F718" s="19" t="s">
        <v>2028</v>
      </c>
      <c r="G718" s="48" t="s">
        <v>1955</v>
      </c>
      <c r="H718" s="49">
        <v>1</v>
      </c>
      <c r="I718" s="50">
        <v>0</v>
      </c>
      <c r="J718" s="51"/>
    </row>
    <row r="719" spans="2:10" ht="39.75" customHeight="1" x14ac:dyDescent="0.2">
      <c r="B719" s="24"/>
      <c r="C719" s="11" t="s">
        <v>227</v>
      </c>
      <c r="D719" s="12" t="s">
        <v>1061</v>
      </c>
      <c r="E719" s="11">
        <v>142123</v>
      </c>
      <c r="F719" s="12" t="s">
        <v>1230</v>
      </c>
      <c r="G719" s="13" t="s">
        <v>390</v>
      </c>
      <c r="H719" s="20">
        <v>2</v>
      </c>
      <c r="I719" s="18">
        <v>0</v>
      </c>
      <c r="J719" s="34"/>
    </row>
    <row r="720" spans="2:10" ht="39.75" customHeight="1" x14ac:dyDescent="0.2">
      <c r="B720" s="41"/>
      <c r="C720" s="61" t="s">
        <v>2029</v>
      </c>
      <c r="D720" s="19" t="s">
        <v>2030</v>
      </c>
      <c r="E720" s="11">
        <v>142131</v>
      </c>
      <c r="F720" s="19" t="s">
        <v>2031</v>
      </c>
      <c r="G720" s="48" t="s">
        <v>2030</v>
      </c>
      <c r="H720" s="49">
        <v>2</v>
      </c>
      <c r="I720" s="50">
        <v>0</v>
      </c>
      <c r="J720" s="51"/>
    </row>
    <row r="721" spans="2:10" ht="39.75" customHeight="1" x14ac:dyDescent="0.2">
      <c r="B721" s="41"/>
      <c r="C721" s="61" t="s">
        <v>610</v>
      </c>
      <c r="D721" s="19" t="s">
        <v>2030</v>
      </c>
      <c r="E721" s="11">
        <v>142131</v>
      </c>
      <c r="F721" s="19" t="s">
        <v>2032</v>
      </c>
      <c r="G721" s="48" t="s">
        <v>2030</v>
      </c>
      <c r="H721" s="49">
        <v>6</v>
      </c>
      <c r="I721" s="50">
        <v>1</v>
      </c>
      <c r="J721" s="51"/>
    </row>
    <row r="722" spans="2:10" ht="39.75" customHeight="1" x14ac:dyDescent="0.2">
      <c r="B722" s="41"/>
      <c r="C722" s="61" t="s">
        <v>2033</v>
      </c>
      <c r="D722" s="19" t="s">
        <v>2030</v>
      </c>
      <c r="E722" s="11">
        <v>142131</v>
      </c>
      <c r="F722" s="19" t="s">
        <v>2034</v>
      </c>
      <c r="G722" s="48" t="s">
        <v>2030</v>
      </c>
      <c r="H722" s="49">
        <v>1</v>
      </c>
      <c r="I722" s="50">
        <v>0</v>
      </c>
      <c r="J722" s="51"/>
    </row>
    <row r="723" spans="2:10" ht="39.75" customHeight="1" x14ac:dyDescent="0.2">
      <c r="B723" s="24"/>
      <c r="C723" s="11" t="s">
        <v>307</v>
      </c>
      <c r="D723" s="12" t="s">
        <v>1062</v>
      </c>
      <c r="E723" s="11">
        <v>142131</v>
      </c>
      <c r="F723" s="12" t="s">
        <v>1404</v>
      </c>
      <c r="G723" s="13" t="s">
        <v>390</v>
      </c>
      <c r="H723" s="20">
        <v>1</v>
      </c>
      <c r="I723" s="18">
        <v>0</v>
      </c>
      <c r="J723" s="34"/>
    </row>
    <row r="724" spans="2:10" ht="39.75" customHeight="1" x14ac:dyDescent="0.2">
      <c r="B724" s="41"/>
      <c r="C724" s="61" t="s">
        <v>2035</v>
      </c>
      <c r="D724" s="19" t="s">
        <v>2030</v>
      </c>
      <c r="E724" s="11">
        <v>142131</v>
      </c>
      <c r="F724" s="19" t="s">
        <v>2036</v>
      </c>
      <c r="G724" s="48" t="s">
        <v>2030</v>
      </c>
      <c r="H724" s="49">
        <v>1</v>
      </c>
      <c r="I724" s="50">
        <v>0</v>
      </c>
      <c r="J724" s="51"/>
    </row>
    <row r="725" spans="2:10" ht="39.75" customHeight="1" x14ac:dyDescent="0.2">
      <c r="B725" s="41"/>
      <c r="C725" s="61" t="s">
        <v>2037</v>
      </c>
      <c r="D725" s="19" t="s">
        <v>2030</v>
      </c>
      <c r="E725" s="11">
        <v>142131</v>
      </c>
      <c r="F725" s="19" t="s">
        <v>2038</v>
      </c>
      <c r="G725" s="48" t="s">
        <v>2030</v>
      </c>
      <c r="H725" s="49">
        <v>3</v>
      </c>
      <c r="I725" s="50">
        <v>3</v>
      </c>
      <c r="J725" s="51"/>
    </row>
    <row r="726" spans="2:10" ht="39.75" customHeight="1" x14ac:dyDescent="0.2">
      <c r="B726" s="24"/>
      <c r="C726" s="11" t="s">
        <v>117</v>
      </c>
      <c r="D726" s="12" t="s">
        <v>1062</v>
      </c>
      <c r="E726" s="11">
        <v>142131</v>
      </c>
      <c r="F726" s="12" t="s">
        <v>1690</v>
      </c>
      <c r="G726" s="13" t="s">
        <v>390</v>
      </c>
      <c r="H726" s="20">
        <v>1</v>
      </c>
      <c r="I726" s="18">
        <v>0</v>
      </c>
      <c r="J726" s="34"/>
    </row>
    <row r="727" spans="2:10" ht="39.75" customHeight="1" x14ac:dyDescent="0.2">
      <c r="B727" s="41"/>
      <c r="C727" s="61" t="s">
        <v>2039</v>
      </c>
      <c r="D727" s="19" t="s">
        <v>2030</v>
      </c>
      <c r="E727" s="11">
        <v>142131</v>
      </c>
      <c r="F727" s="19" t="s">
        <v>2040</v>
      </c>
      <c r="G727" s="48" t="s">
        <v>2030</v>
      </c>
      <c r="H727" s="49">
        <v>1</v>
      </c>
      <c r="I727" s="50">
        <v>1</v>
      </c>
      <c r="J727" s="51"/>
    </row>
    <row r="728" spans="2:10" ht="39.75" customHeight="1" x14ac:dyDescent="0.2">
      <c r="B728" s="41"/>
      <c r="C728" s="61" t="s">
        <v>2041</v>
      </c>
      <c r="D728" s="19" t="s">
        <v>2030</v>
      </c>
      <c r="E728" s="11">
        <v>142131</v>
      </c>
      <c r="F728" s="19" t="s">
        <v>2042</v>
      </c>
      <c r="G728" s="48" t="s">
        <v>2030</v>
      </c>
      <c r="H728" s="49">
        <v>13</v>
      </c>
      <c r="I728" s="50">
        <v>5</v>
      </c>
      <c r="J728" s="51"/>
    </row>
    <row r="729" spans="2:10" ht="39.75" customHeight="1" x14ac:dyDescent="0.2">
      <c r="B729" s="41"/>
      <c r="C729" s="61" t="s">
        <v>2043</v>
      </c>
      <c r="D729" s="19" t="s">
        <v>2044</v>
      </c>
      <c r="E729" s="11">
        <v>142131</v>
      </c>
      <c r="F729" s="19" t="s">
        <v>2045</v>
      </c>
      <c r="G729" s="48" t="s">
        <v>2044</v>
      </c>
      <c r="H729" s="49">
        <v>5</v>
      </c>
      <c r="I729" s="50">
        <v>1</v>
      </c>
      <c r="J729" s="51"/>
    </row>
    <row r="730" spans="2:10" ht="39.75" customHeight="1" x14ac:dyDescent="0.2">
      <c r="B730" s="41"/>
      <c r="C730" s="61" t="s">
        <v>2046</v>
      </c>
      <c r="D730" s="19" t="s">
        <v>2044</v>
      </c>
      <c r="E730" s="11">
        <v>142131</v>
      </c>
      <c r="F730" s="19" t="s">
        <v>2045</v>
      </c>
      <c r="G730" s="48" t="s">
        <v>2044</v>
      </c>
      <c r="H730" s="49">
        <v>2</v>
      </c>
      <c r="I730" s="50">
        <v>2</v>
      </c>
      <c r="J730" s="51"/>
    </row>
    <row r="731" spans="2:10" ht="39.75" customHeight="1" x14ac:dyDescent="0.2">
      <c r="B731" s="41"/>
      <c r="C731" s="61" t="s">
        <v>2047</v>
      </c>
      <c r="D731" s="19" t="s">
        <v>2030</v>
      </c>
      <c r="E731" s="11">
        <v>142131</v>
      </c>
      <c r="F731" s="19" t="s">
        <v>2048</v>
      </c>
      <c r="G731" s="48" t="s">
        <v>2030</v>
      </c>
      <c r="H731" s="49">
        <v>3</v>
      </c>
      <c r="I731" s="50">
        <v>0</v>
      </c>
      <c r="J731" s="51"/>
    </row>
    <row r="732" spans="2:10" ht="39.75" customHeight="1" x14ac:dyDescent="0.2">
      <c r="B732" s="41"/>
      <c r="C732" s="61" t="s">
        <v>2049</v>
      </c>
      <c r="D732" s="19" t="s">
        <v>2030</v>
      </c>
      <c r="E732" s="11">
        <v>142131</v>
      </c>
      <c r="F732" s="19" t="s">
        <v>2050</v>
      </c>
      <c r="G732" s="48" t="s">
        <v>2030</v>
      </c>
      <c r="H732" s="49">
        <v>2</v>
      </c>
      <c r="I732" s="50">
        <v>0</v>
      </c>
      <c r="J732" s="51"/>
    </row>
    <row r="733" spans="2:10" ht="39.75" customHeight="1" x14ac:dyDescent="0.2">
      <c r="B733" s="24"/>
      <c r="C733" s="11" t="s">
        <v>228</v>
      </c>
      <c r="D733" s="12" t="s">
        <v>1062</v>
      </c>
      <c r="E733" s="11">
        <v>142131</v>
      </c>
      <c r="F733" s="12" t="s">
        <v>1324</v>
      </c>
      <c r="G733" s="13" t="s">
        <v>390</v>
      </c>
      <c r="H733" s="20">
        <v>2</v>
      </c>
      <c r="I733" s="18">
        <v>0</v>
      </c>
      <c r="J733" s="34"/>
    </row>
    <row r="734" spans="2:10" ht="39.75" customHeight="1" x14ac:dyDescent="0.2">
      <c r="B734" s="41"/>
      <c r="C734" s="61" t="s">
        <v>2051</v>
      </c>
      <c r="D734" s="19" t="s">
        <v>2030</v>
      </c>
      <c r="E734" s="11">
        <v>142131</v>
      </c>
      <c r="F734" s="19" t="s">
        <v>2052</v>
      </c>
      <c r="G734" s="48" t="s">
        <v>2030</v>
      </c>
      <c r="H734" s="49">
        <v>1</v>
      </c>
      <c r="I734" s="50">
        <v>0</v>
      </c>
      <c r="J734" s="51"/>
    </row>
    <row r="735" spans="2:10" ht="39.75" customHeight="1" x14ac:dyDescent="0.2">
      <c r="B735" s="24"/>
      <c r="C735" s="11" t="s">
        <v>229</v>
      </c>
      <c r="D735" s="12" t="s">
        <v>1062</v>
      </c>
      <c r="E735" s="11">
        <v>142131</v>
      </c>
      <c r="F735" s="12" t="s">
        <v>1572</v>
      </c>
      <c r="G735" s="13" t="s">
        <v>390</v>
      </c>
      <c r="H735" s="20">
        <v>2</v>
      </c>
      <c r="I735" s="18">
        <v>0</v>
      </c>
      <c r="J735" s="34"/>
    </row>
    <row r="736" spans="2:10" ht="39.75" customHeight="1" x14ac:dyDescent="0.2">
      <c r="B736" s="24"/>
      <c r="C736" s="11" t="s">
        <v>230</v>
      </c>
      <c r="D736" s="12" t="s">
        <v>1062</v>
      </c>
      <c r="E736" s="11">
        <v>142131</v>
      </c>
      <c r="F736" s="12" t="s">
        <v>1573</v>
      </c>
      <c r="G736" s="13" t="s">
        <v>390</v>
      </c>
      <c r="H736" s="20">
        <v>1</v>
      </c>
      <c r="I736" s="18">
        <v>0</v>
      </c>
      <c r="J736" s="34"/>
    </row>
    <row r="737" spans="2:10" ht="39.75" customHeight="1" x14ac:dyDescent="0.2">
      <c r="B737" s="41"/>
      <c r="C737" s="61" t="s">
        <v>2053</v>
      </c>
      <c r="D737" s="19" t="s">
        <v>2030</v>
      </c>
      <c r="E737" s="11">
        <v>142131</v>
      </c>
      <c r="F737" s="19" t="s">
        <v>2054</v>
      </c>
      <c r="G737" s="48" t="s">
        <v>2030</v>
      </c>
      <c r="H737" s="49">
        <v>0</v>
      </c>
      <c r="I737" s="50">
        <v>2</v>
      </c>
      <c r="J737" s="51"/>
    </row>
    <row r="738" spans="2:10" ht="39.75" customHeight="1" x14ac:dyDescent="0.2">
      <c r="B738" s="24"/>
      <c r="C738" s="11" t="s">
        <v>231</v>
      </c>
      <c r="D738" s="12" t="s">
        <v>1062</v>
      </c>
      <c r="E738" s="11">
        <v>142131</v>
      </c>
      <c r="F738" s="12" t="s">
        <v>1787</v>
      </c>
      <c r="G738" s="13" t="s">
        <v>390</v>
      </c>
      <c r="H738" s="20">
        <v>2</v>
      </c>
      <c r="I738" s="18">
        <v>0</v>
      </c>
      <c r="J738" s="34"/>
    </row>
    <row r="739" spans="2:10" ht="39.75" customHeight="1" x14ac:dyDescent="0.2">
      <c r="B739" s="41"/>
      <c r="C739" s="61" t="s">
        <v>2055</v>
      </c>
      <c r="D739" s="19" t="s">
        <v>2030</v>
      </c>
      <c r="E739" s="11">
        <v>142131</v>
      </c>
      <c r="F739" s="19" t="s">
        <v>2056</v>
      </c>
      <c r="G739" s="48" t="s">
        <v>2030</v>
      </c>
      <c r="H739" s="49">
        <v>1</v>
      </c>
      <c r="I739" s="50">
        <v>0</v>
      </c>
      <c r="J739" s="51"/>
    </row>
    <row r="740" spans="2:10" ht="39.75" customHeight="1" x14ac:dyDescent="0.2">
      <c r="B740" s="41"/>
      <c r="C740" s="61" t="s">
        <v>2057</v>
      </c>
      <c r="D740" s="19" t="s">
        <v>2030</v>
      </c>
      <c r="E740" s="11">
        <v>142131</v>
      </c>
      <c r="F740" s="19" t="s">
        <v>2058</v>
      </c>
      <c r="G740" s="48" t="s">
        <v>2030</v>
      </c>
      <c r="H740" s="49">
        <v>1</v>
      </c>
      <c r="I740" s="50">
        <v>0</v>
      </c>
      <c r="J740" s="51"/>
    </row>
    <row r="741" spans="2:10" ht="39.75" customHeight="1" x14ac:dyDescent="0.2">
      <c r="B741" s="24"/>
      <c r="C741" s="11" t="s">
        <v>525</v>
      </c>
      <c r="D741" s="46" t="s">
        <v>1836</v>
      </c>
      <c r="E741" s="11">
        <v>142140</v>
      </c>
      <c r="F741" s="12" t="s">
        <v>526</v>
      </c>
      <c r="G741" s="17" t="s">
        <v>519</v>
      </c>
      <c r="H741" s="20">
        <v>1</v>
      </c>
      <c r="I741" s="18">
        <v>0</v>
      </c>
      <c r="J741" s="34"/>
    </row>
    <row r="742" spans="2:10" ht="39.75" customHeight="1" x14ac:dyDescent="0.2">
      <c r="B742" s="24"/>
      <c r="C742" s="11" t="s">
        <v>91</v>
      </c>
      <c r="D742" s="12" t="s">
        <v>1063</v>
      </c>
      <c r="E742" s="11">
        <v>142140</v>
      </c>
      <c r="F742" s="12" t="s">
        <v>335</v>
      </c>
      <c r="G742" s="13" t="s">
        <v>390</v>
      </c>
      <c r="H742" s="20">
        <v>2</v>
      </c>
      <c r="I742" s="18">
        <v>2</v>
      </c>
      <c r="J742" s="34"/>
    </row>
    <row r="743" spans="2:10" ht="39.75" customHeight="1" x14ac:dyDescent="0.2">
      <c r="B743" s="24"/>
      <c r="C743" s="11" t="s">
        <v>119</v>
      </c>
      <c r="D743" s="12" t="s">
        <v>1063</v>
      </c>
      <c r="E743" s="11">
        <v>142140</v>
      </c>
      <c r="F743" s="12" t="s">
        <v>524</v>
      </c>
      <c r="G743" s="13" t="s">
        <v>390</v>
      </c>
      <c r="H743" s="20">
        <v>1</v>
      </c>
      <c r="I743" s="18">
        <v>0</v>
      </c>
      <c r="J743" s="34"/>
    </row>
    <row r="744" spans="2:10" ht="39.75" customHeight="1" x14ac:dyDescent="0.2">
      <c r="B744" s="24"/>
      <c r="C744" s="11" t="s">
        <v>523</v>
      </c>
      <c r="D744" s="12" t="s">
        <v>1063</v>
      </c>
      <c r="E744" s="11">
        <v>142140</v>
      </c>
      <c r="F744" s="12" t="s">
        <v>524</v>
      </c>
      <c r="G744" s="17" t="s">
        <v>519</v>
      </c>
      <c r="H744" s="20">
        <v>1</v>
      </c>
      <c r="I744" s="18">
        <v>0</v>
      </c>
      <c r="J744" s="34"/>
    </row>
    <row r="745" spans="2:10" ht="39.75" customHeight="1" x14ac:dyDescent="0.2">
      <c r="B745" s="24"/>
      <c r="C745" s="11" t="s">
        <v>521</v>
      </c>
      <c r="D745" s="12" t="s">
        <v>1063</v>
      </c>
      <c r="E745" s="11">
        <v>142140</v>
      </c>
      <c r="F745" s="12" t="s">
        <v>1278</v>
      </c>
      <c r="G745" s="17" t="s">
        <v>519</v>
      </c>
      <c r="H745" s="20">
        <v>1</v>
      </c>
      <c r="I745" s="18">
        <v>0</v>
      </c>
      <c r="J745" s="34"/>
    </row>
    <row r="746" spans="2:10" ht="39.75" customHeight="1" x14ac:dyDescent="0.2">
      <c r="B746" s="24"/>
      <c r="C746" s="11" t="s">
        <v>520</v>
      </c>
      <c r="D746" s="12" t="s">
        <v>1063</v>
      </c>
      <c r="E746" s="11">
        <v>142140</v>
      </c>
      <c r="F746" s="12" t="s">
        <v>1691</v>
      </c>
      <c r="G746" s="17" t="s">
        <v>519</v>
      </c>
      <c r="H746" s="20">
        <v>5</v>
      </c>
      <c r="I746" s="18">
        <v>0</v>
      </c>
      <c r="J746" s="34"/>
    </row>
    <row r="747" spans="2:10" ht="39.75" customHeight="1" x14ac:dyDescent="0.2">
      <c r="B747" s="24"/>
      <c r="C747" s="11" t="s">
        <v>305</v>
      </c>
      <c r="D747" s="12" t="s">
        <v>1063</v>
      </c>
      <c r="E747" s="11">
        <v>142140</v>
      </c>
      <c r="F747" s="12" t="s">
        <v>1788</v>
      </c>
      <c r="G747" s="13" t="s">
        <v>390</v>
      </c>
      <c r="H747" s="20">
        <v>1</v>
      </c>
      <c r="I747" s="18">
        <v>0</v>
      </c>
      <c r="J747" s="34"/>
    </row>
    <row r="748" spans="2:10" ht="39.75" customHeight="1" x14ac:dyDescent="0.2">
      <c r="B748" s="24"/>
      <c r="C748" s="11" t="s">
        <v>527</v>
      </c>
      <c r="D748" s="12" t="s">
        <v>1063</v>
      </c>
      <c r="E748" s="11">
        <v>142140</v>
      </c>
      <c r="F748" s="12" t="s">
        <v>1789</v>
      </c>
      <c r="G748" s="17" t="s">
        <v>519</v>
      </c>
      <c r="H748" s="20">
        <v>2</v>
      </c>
      <c r="I748" s="18">
        <v>0</v>
      </c>
      <c r="J748" s="34"/>
    </row>
    <row r="749" spans="2:10" ht="39.75" customHeight="1" x14ac:dyDescent="0.2">
      <c r="B749" s="24"/>
      <c r="C749" s="11" t="s">
        <v>532</v>
      </c>
      <c r="D749" s="12" t="s">
        <v>1063</v>
      </c>
      <c r="E749" s="11">
        <v>142140</v>
      </c>
      <c r="F749" s="12" t="s">
        <v>533</v>
      </c>
      <c r="G749" s="17" t="s">
        <v>519</v>
      </c>
      <c r="H749" s="20">
        <v>2</v>
      </c>
      <c r="I749" s="18">
        <v>2</v>
      </c>
      <c r="J749" s="34"/>
    </row>
    <row r="750" spans="2:10" ht="39.75" customHeight="1" x14ac:dyDescent="0.2">
      <c r="B750" s="24"/>
      <c r="C750" s="11" t="s">
        <v>529</v>
      </c>
      <c r="D750" s="12" t="s">
        <v>1063</v>
      </c>
      <c r="E750" s="11">
        <v>142140</v>
      </c>
      <c r="F750" s="12" t="s">
        <v>1405</v>
      </c>
      <c r="G750" s="17" t="s">
        <v>519</v>
      </c>
      <c r="H750" s="20">
        <v>2</v>
      </c>
      <c r="I750" s="18">
        <v>0</v>
      </c>
      <c r="J750" s="34"/>
    </row>
    <row r="751" spans="2:10" ht="39.75" customHeight="1" x14ac:dyDescent="0.2">
      <c r="B751" s="24"/>
      <c r="C751" s="11" t="s">
        <v>539</v>
      </c>
      <c r="D751" s="12" t="s">
        <v>1063</v>
      </c>
      <c r="E751" s="11">
        <v>142140</v>
      </c>
      <c r="F751" s="12" t="s">
        <v>540</v>
      </c>
      <c r="G751" s="17" t="s">
        <v>519</v>
      </c>
      <c r="H751" s="20">
        <v>2</v>
      </c>
      <c r="I751" s="18">
        <v>0</v>
      </c>
      <c r="J751" s="34"/>
    </row>
    <row r="752" spans="2:10" ht="39.75" customHeight="1" x14ac:dyDescent="0.2">
      <c r="B752" s="24"/>
      <c r="C752" s="11" t="s">
        <v>538</v>
      </c>
      <c r="D752" s="12" t="s">
        <v>1063</v>
      </c>
      <c r="E752" s="11">
        <v>142140</v>
      </c>
      <c r="F752" s="12" t="s">
        <v>1692</v>
      </c>
      <c r="G752" s="17" t="s">
        <v>519</v>
      </c>
      <c r="H752" s="20">
        <v>1</v>
      </c>
      <c r="I752" s="18">
        <v>0</v>
      </c>
      <c r="J752" s="34"/>
    </row>
    <row r="753" spans="2:10" ht="39.75" customHeight="1" x14ac:dyDescent="0.2">
      <c r="B753" s="24"/>
      <c r="C753" s="11" t="s">
        <v>534</v>
      </c>
      <c r="D753" s="12" t="s">
        <v>1063</v>
      </c>
      <c r="E753" s="11">
        <v>142140</v>
      </c>
      <c r="F753" s="12" t="s">
        <v>535</v>
      </c>
      <c r="G753" s="17" t="s">
        <v>519</v>
      </c>
      <c r="H753" s="20">
        <v>0</v>
      </c>
      <c r="I753" s="18">
        <v>1</v>
      </c>
      <c r="J753" s="34"/>
    </row>
    <row r="754" spans="2:10" ht="39.75" customHeight="1" x14ac:dyDescent="0.2">
      <c r="B754" s="24"/>
      <c r="C754" s="11" t="s">
        <v>536</v>
      </c>
      <c r="D754" s="12" t="s">
        <v>1063</v>
      </c>
      <c r="E754" s="11">
        <v>142140</v>
      </c>
      <c r="F754" s="12" t="s">
        <v>537</v>
      </c>
      <c r="G754" s="17" t="s">
        <v>519</v>
      </c>
      <c r="H754" s="20">
        <v>1</v>
      </c>
      <c r="I754" s="18">
        <v>0</v>
      </c>
      <c r="J754" s="34"/>
    </row>
    <row r="755" spans="2:10" ht="39.75" customHeight="1" x14ac:dyDescent="0.2">
      <c r="B755" s="24"/>
      <c r="C755" s="11" t="s">
        <v>531</v>
      </c>
      <c r="D755" s="12" t="s">
        <v>1063</v>
      </c>
      <c r="E755" s="11">
        <v>142140</v>
      </c>
      <c r="F755" s="12" t="s">
        <v>1406</v>
      </c>
      <c r="G755" s="17" t="s">
        <v>519</v>
      </c>
      <c r="H755" s="20">
        <v>0</v>
      </c>
      <c r="I755" s="18">
        <v>1</v>
      </c>
      <c r="J755" s="34"/>
    </row>
    <row r="756" spans="2:10" ht="39.75" customHeight="1" x14ac:dyDescent="0.2">
      <c r="B756" s="24"/>
      <c r="C756" s="11" t="s">
        <v>522</v>
      </c>
      <c r="D756" s="12" t="s">
        <v>1063</v>
      </c>
      <c r="E756" s="11">
        <v>142140</v>
      </c>
      <c r="F756" s="12" t="s">
        <v>1790</v>
      </c>
      <c r="G756" s="17" t="s">
        <v>519</v>
      </c>
      <c r="H756" s="20">
        <v>3</v>
      </c>
      <c r="I756" s="18">
        <v>0</v>
      </c>
      <c r="J756" s="34"/>
    </row>
    <row r="757" spans="2:10" ht="39.75" customHeight="1" x14ac:dyDescent="0.2">
      <c r="B757" s="24"/>
      <c r="C757" s="11" t="s">
        <v>528</v>
      </c>
      <c r="D757" s="12" t="s">
        <v>1063</v>
      </c>
      <c r="E757" s="11">
        <v>142140</v>
      </c>
      <c r="F757" s="12" t="s">
        <v>1163</v>
      </c>
      <c r="G757" s="17" t="s">
        <v>519</v>
      </c>
      <c r="H757" s="20">
        <v>2</v>
      </c>
      <c r="I757" s="18">
        <v>0</v>
      </c>
      <c r="J757" s="34"/>
    </row>
    <row r="758" spans="2:10" ht="39.75" customHeight="1" x14ac:dyDescent="0.2">
      <c r="B758" s="24"/>
      <c r="C758" s="11" t="s">
        <v>530</v>
      </c>
      <c r="D758" s="12" t="s">
        <v>1063</v>
      </c>
      <c r="E758" s="11">
        <v>142140</v>
      </c>
      <c r="F758" s="12" t="s">
        <v>1574</v>
      </c>
      <c r="G758" s="17" t="s">
        <v>519</v>
      </c>
      <c r="H758" s="20">
        <v>0</v>
      </c>
      <c r="I758" s="18">
        <v>1</v>
      </c>
      <c r="J758" s="34"/>
    </row>
    <row r="759" spans="2:10" ht="39.75" customHeight="1" x14ac:dyDescent="0.2">
      <c r="B759" s="24"/>
      <c r="C759" s="11" t="s">
        <v>24</v>
      </c>
      <c r="D759" s="12" t="s">
        <v>1063</v>
      </c>
      <c r="E759" s="11">
        <v>142140</v>
      </c>
      <c r="F759" s="12" t="s">
        <v>1693</v>
      </c>
      <c r="G759" s="13" t="s">
        <v>390</v>
      </c>
      <c r="H759" s="20">
        <v>5</v>
      </c>
      <c r="I759" s="18">
        <v>0</v>
      </c>
      <c r="J759" s="34"/>
    </row>
    <row r="760" spans="2:10" ht="39.75" customHeight="1" x14ac:dyDescent="0.2">
      <c r="B760" s="24"/>
      <c r="C760" s="11" t="s">
        <v>233</v>
      </c>
      <c r="D760" s="12" t="s">
        <v>1063</v>
      </c>
      <c r="E760" s="11">
        <v>142140</v>
      </c>
      <c r="F760" s="12" t="s">
        <v>1489</v>
      </c>
      <c r="G760" s="13" t="s">
        <v>390</v>
      </c>
      <c r="H760" s="20">
        <v>2</v>
      </c>
      <c r="I760" s="18">
        <v>0</v>
      </c>
      <c r="J760" s="34"/>
    </row>
    <row r="761" spans="2:10" ht="39.75" customHeight="1" x14ac:dyDescent="0.2">
      <c r="B761" s="24"/>
      <c r="C761" s="11" t="s">
        <v>232</v>
      </c>
      <c r="D761" s="12" t="s">
        <v>1063</v>
      </c>
      <c r="E761" s="11">
        <v>142140</v>
      </c>
      <c r="F761" s="12" t="s">
        <v>1694</v>
      </c>
      <c r="G761" s="13" t="s">
        <v>390</v>
      </c>
      <c r="H761" s="20">
        <v>2</v>
      </c>
      <c r="I761" s="18">
        <v>0</v>
      </c>
      <c r="J761" s="34"/>
    </row>
    <row r="762" spans="2:10" ht="39.75" customHeight="1" x14ac:dyDescent="0.2">
      <c r="B762" s="24"/>
      <c r="C762" s="11" t="s">
        <v>548</v>
      </c>
      <c r="D762" s="12" t="s">
        <v>1064</v>
      </c>
      <c r="E762" s="11">
        <v>142158</v>
      </c>
      <c r="F762" s="12" t="s">
        <v>1829</v>
      </c>
      <c r="G762" s="17" t="s">
        <v>541</v>
      </c>
      <c r="H762" s="20">
        <v>1</v>
      </c>
      <c r="I762" s="18">
        <v>0</v>
      </c>
      <c r="J762" s="36"/>
    </row>
    <row r="763" spans="2:10" ht="39.75" customHeight="1" x14ac:dyDescent="0.2">
      <c r="B763" s="24"/>
      <c r="C763" s="11" t="s">
        <v>102</v>
      </c>
      <c r="D763" s="12" t="s">
        <v>1064</v>
      </c>
      <c r="E763" s="11">
        <v>142158</v>
      </c>
      <c r="F763" s="12" t="s">
        <v>1176</v>
      </c>
      <c r="G763" s="13" t="s">
        <v>390</v>
      </c>
      <c r="H763" s="20">
        <v>6</v>
      </c>
      <c r="I763" s="18">
        <v>1</v>
      </c>
      <c r="J763" s="34"/>
    </row>
    <row r="764" spans="2:10" ht="39.75" customHeight="1" x14ac:dyDescent="0.2">
      <c r="B764" s="24"/>
      <c r="C764" s="11" t="s">
        <v>551</v>
      </c>
      <c r="D764" s="12" t="s">
        <v>1064</v>
      </c>
      <c r="E764" s="11">
        <v>142158</v>
      </c>
      <c r="F764" s="12" t="s">
        <v>1325</v>
      </c>
      <c r="G764" s="17" t="s">
        <v>541</v>
      </c>
      <c r="H764" s="20">
        <v>1</v>
      </c>
      <c r="I764" s="18">
        <v>0</v>
      </c>
      <c r="J764" s="34"/>
    </row>
    <row r="765" spans="2:10" ht="39.75" customHeight="1" x14ac:dyDescent="0.2">
      <c r="B765" s="24"/>
      <c r="C765" s="11" t="s">
        <v>570</v>
      </c>
      <c r="D765" s="12" t="s">
        <v>1064</v>
      </c>
      <c r="E765" s="11">
        <v>142158</v>
      </c>
      <c r="F765" s="12" t="s">
        <v>571</v>
      </c>
      <c r="G765" s="17" t="s">
        <v>541</v>
      </c>
      <c r="H765" s="20">
        <v>1</v>
      </c>
      <c r="I765" s="18">
        <v>0</v>
      </c>
      <c r="J765" s="34"/>
    </row>
    <row r="766" spans="2:10" ht="39.75" customHeight="1" x14ac:dyDescent="0.2">
      <c r="B766" s="24"/>
      <c r="C766" s="11" t="s">
        <v>550</v>
      </c>
      <c r="D766" s="12" t="s">
        <v>1064</v>
      </c>
      <c r="E766" s="11">
        <v>142158</v>
      </c>
      <c r="F766" s="12" t="s">
        <v>1326</v>
      </c>
      <c r="G766" s="17" t="s">
        <v>541</v>
      </c>
      <c r="H766" s="20">
        <v>1</v>
      </c>
      <c r="I766" s="18">
        <v>0</v>
      </c>
      <c r="J766" s="34"/>
    </row>
    <row r="767" spans="2:10" ht="39.75" customHeight="1" x14ac:dyDescent="0.2">
      <c r="B767" s="24"/>
      <c r="C767" s="11" t="s">
        <v>542</v>
      </c>
      <c r="D767" s="12" t="s">
        <v>1064</v>
      </c>
      <c r="E767" s="11">
        <v>142158</v>
      </c>
      <c r="F767" s="12" t="s">
        <v>543</v>
      </c>
      <c r="G767" s="17" t="s">
        <v>541</v>
      </c>
      <c r="H767" s="20">
        <v>3</v>
      </c>
      <c r="I767" s="18">
        <v>0</v>
      </c>
      <c r="J767" s="34"/>
    </row>
    <row r="768" spans="2:10" ht="39.75" customHeight="1" x14ac:dyDescent="0.2">
      <c r="B768" s="24"/>
      <c r="C768" s="11" t="s">
        <v>556</v>
      </c>
      <c r="D768" s="12" t="s">
        <v>1064</v>
      </c>
      <c r="E768" s="11">
        <v>142158</v>
      </c>
      <c r="F768" s="12" t="s">
        <v>1327</v>
      </c>
      <c r="G768" s="17" t="s">
        <v>541</v>
      </c>
      <c r="H768" s="20">
        <v>2</v>
      </c>
      <c r="I768" s="18">
        <v>0</v>
      </c>
      <c r="J768" s="34"/>
    </row>
    <row r="769" spans="2:10" ht="39.75" customHeight="1" x14ac:dyDescent="0.2">
      <c r="B769" s="24"/>
      <c r="C769" s="11" t="s">
        <v>573</v>
      </c>
      <c r="D769" s="12" t="s">
        <v>1064</v>
      </c>
      <c r="E769" s="11">
        <v>142158</v>
      </c>
      <c r="F769" s="12" t="s">
        <v>1825</v>
      </c>
      <c r="G769" s="17" t="s">
        <v>541</v>
      </c>
      <c r="H769" s="32">
        <v>1</v>
      </c>
      <c r="I769" s="18">
        <v>0</v>
      </c>
      <c r="J769" s="34"/>
    </row>
    <row r="770" spans="2:10" ht="39.75" customHeight="1" x14ac:dyDescent="0.2">
      <c r="B770" s="24"/>
      <c r="C770" s="11" t="s">
        <v>116</v>
      </c>
      <c r="D770" s="12" t="s">
        <v>1064</v>
      </c>
      <c r="E770" s="11">
        <v>142158</v>
      </c>
      <c r="F770" s="12" t="s">
        <v>1575</v>
      </c>
      <c r="G770" s="13" t="s">
        <v>390</v>
      </c>
      <c r="H770" s="20">
        <v>1</v>
      </c>
      <c r="I770" s="18">
        <v>0</v>
      </c>
      <c r="J770" s="34"/>
    </row>
    <row r="771" spans="2:10" ht="39.75" customHeight="1" x14ac:dyDescent="0.2">
      <c r="B771" s="24"/>
      <c r="C771" s="11" t="s">
        <v>554</v>
      </c>
      <c r="D771" s="12" t="s">
        <v>1064</v>
      </c>
      <c r="E771" s="11">
        <v>142158</v>
      </c>
      <c r="F771" s="12" t="s">
        <v>1328</v>
      </c>
      <c r="G771" s="17" t="s">
        <v>541</v>
      </c>
      <c r="H771" s="20">
        <v>2</v>
      </c>
      <c r="I771" s="18">
        <v>0</v>
      </c>
      <c r="J771" s="34"/>
    </row>
    <row r="772" spans="2:10" ht="39.75" customHeight="1" x14ac:dyDescent="0.2">
      <c r="B772" s="24"/>
      <c r="C772" s="11" t="s">
        <v>544</v>
      </c>
      <c r="D772" s="12" t="s">
        <v>1064</v>
      </c>
      <c r="E772" s="11">
        <v>142158</v>
      </c>
      <c r="F772" s="12" t="s">
        <v>1407</v>
      </c>
      <c r="G772" s="17" t="s">
        <v>541</v>
      </c>
      <c r="H772" s="20">
        <v>3</v>
      </c>
      <c r="I772" s="18">
        <v>0</v>
      </c>
      <c r="J772" s="34"/>
    </row>
    <row r="773" spans="2:10" ht="39.75" customHeight="1" x14ac:dyDescent="0.2">
      <c r="B773" s="24"/>
      <c r="C773" s="11" t="s">
        <v>559</v>
      </c>
      <c r="D773" s="12" t="s">
        <v>1064</v>
      </c>
      <c r="E773" s="11">
        <v>142158</v>
      </c>
      <c r="F773" s="12" t="s">
        <v>1576</v>
      </c>
      <c r="G773" s="17" t="s">
        <v>541</v>
      </c>
      <c r="H773" s="20">
        <v>1</v>
      </c>
      <c r="I773" s="18">
        <v>0</v>
      </c>
      <c r="J773" s="34"/>
    </row>
    <row r="774" spans="2:10" ht="39.75" customHeight="1" x14ac:dyDescent="0.2">
      <c r="B774" s="24"/>
      <c r="C774" s="11" t="s">
        <v>574</v>
      </c>
      <c r="D774" s="12" t="s">
        <v>1064</v>
      </c>
      <c r="E774" s="11">
        <v>142158</v>
      </c>
      <c r="F774" s="12" t="s">
        <v>1577</v>
      </c>
      <c r="G774" s="17" t="s">
        <v>541</v>
      </c>
      <c r="H774" s="32">
        <v>1</v>
      </c>
      <c r="I774" s="18">
        <v>0</v>
      </c>
      <c r="J774" s="34"/>
    </row>
    <row r="775" spans="2:10" ht="39.75" customHeight="1" x14ac:dyDescent="0.2">
      <c r="B775" s="24"/>
      <c r="C775" s="11" t="s">
        <v>558</v>
      </c>
      <c r="D775" s="12" t="s">
        <v>1064</v>
      </c>
      <c r="E775" s="11">
        <v>142158</v>
      </c>
      <c r="F775" s="12" t="s">
        <v>1695</v>
      </c>
      <c r="G775" s="17" t="s">
        <v>541</v>
      </c>
      <c r="H775" s="20">
        <v>2</v>
      </c>
      <c r="I775" s="18">
        <v>0</v>
      </c>
      <c r="J775" s="34"/>
    </row>
    <row r="776" spans="2:10" ht="39.75" customHeight="1" x14ac:dyDescent="0.2">
      <c r="B776" s="24"/>
      <c r="C776" s="11" t="s">
        <v>545</v>
      </c>
      <c r="D776" s="12" t="s">
        <v>1064</v>
      </c>
      <c r="E776" s="11">
        <v>142158</v>
      </c>
      <c r="F776" s="12" t="s">
        <v>1329</v>
      </c>
      <c r="G776" s="17" t="s">
        <v>541</v>
      </c>
      <c r="H776" s="20">
        <v>6</v>
      </c>
      <c r="I776" s="18">
        <v>0</v>
      </c>
      <c r="J776" s="36"/>
    </row>
    <row r="777" spans="2:10" ht="39.75" customHeight="1" x14ac:dyDescent="0.2">
      <c r="B777" s="24"/>
      <c r="C777" s="11" t="s">
        <v>575</v>
      </c>
      <c r="D777" s="12" t="s">
        <v>1064</v>
      </c>
      <c r="E777" s="11">
        <v>142158</v>
      </c>
      <c r="F777" s="12" t="s">
        <v>1826</v>
      </c>
      <c r="G777" s="17" t="s">
        <v>541</v>
      </c>
      <c r="H777" s="32">
        <v>1</v>
      </c>
      <c r="I777" s="18">
        <v>0</v>
      </c>
      <c r="J777" s="34"/>
    </row>
    <row r="778" spans="2:10" ht="39.75" customHeight="1" x14ac:dyDescent="0.2">
      <c r="B778" s="24"/>
      <c r="C778" s="11" t="s">
        <v>568</v>
      </c>
      <c r="D778" s="12" t="s">
        <v>1064</v>
      </c>
      <c r="E778" s="11">
        <v>142158</v>
      </c>
      <c r="F778" s="12" t="s">
        <v>569</v>
      </c>
      <c r="G778" s="17" t="s">
        <v>541</v>
      </c>
      <c r="H778" s="20">
        <v>1</v>
      </c>
      <c r="I778" s="18">
        <v>0</v>
      </c>
      <c r="J778" s="34"/>
    </row>
    <row r="779" spans="2:10" ht="39.75" customHeight="1" x14ac:dyDescent="0.2">
      <c r="B779" s="24"/>
      <c r="C779" s="11" t="s">
        <v>563</v>
      </c>
      <c r="D779" s="12" t="s">
        <v>1064</v>
      </c>
      <c r="E779" s="11">
        <v>142158</v>
      </c>
      <c r="F779" s="12" t="s">
        <v>564</v>
      </c>
      <c r="G779" s="17" t="s">
        <v>541</v>
      </c>
      <c r="H779" s="20">
        <v>1</v>
      </c>
      <c r="I779" s="18">
        <v>0</v>
      </c>
      <c r="J779" s="34"/>
    </row>
    <row r="780" spans="2:10" ht="39.75" customHeight="1" x14ac:dyDescent="0.2">
      <c r="B780" s="24"/>
      <c r="C780" s="11" t="s">
        <v>555</v>
      </c>
      <c r="D780" s="12" t="s">
        <v>1064</v>
      </c>
      <c r="E780" s="11">
        <v>142158</v>
      </c>
      <c r="F780" s="12" t="s">
        <v>1696</v>
      </c>
      <c r="G780" s="17" t="s">
        <v>541</v>
      </c>
      <c r="H780" s="20">
        <v>1</v>
      </c>
      <c r="I780" s="18">
        <v>0</v>
      </c>
      <c r="J780" s="34"/>
    </row>
    <row r="781" spans="2:10" ht="39.75" customHeight="1" x14ac:dyDescent="0.2">
      <c r="B781" s="24"/>
      <c r="C781" s="11" t="s">
        <v>561</v>
      </c>
      <c r="D781" s="12" t="s">
        <v>1064</v>
      </c>
      <c r="E781" s="11">
        <v>142158</v>
      </c>
      <c r="F781" s="12" t="s">
        <v>562</v>
      </c>
      <c r="G781" s="17" t="s">
        <v>541</v>
      </c>
      <c r="H781" s="20">
        <v>1</v>
      </c>
      <c r="I781" s="18">
        <v>0</v>
      </c>
      <c r="J781" s="34"/>
    </row>
    <row r="782" spans="2:10" ht="39.75" customHeight="1" x14ac:dyDescent="0.2">
      <c r="B782" s="24"/>
      <c r="C782" s="11" t="s">
        <v>45</v>
      </c>
      <c r="D782" s="12" t="s">
        <v>1064</v>
      </c>
      <c r="E782" s="11">
        <v>142158</v>
      </c>
      <c r="F782" s="12" t="s">
        <v>1408</v>
      </c>
      <c r="G782" s="13" t="s">
        <v>390</v>
      </c>
      <c r="H782" s="20">
        <v>1</v>
      </c>
      <c r="I782" s="18">
        <v>0</v>
      </c>
      <c r="J782" s="34"/>
    </row>
    <row r="783" spans="2:10" ht="39.75" customHeight="1" x14ac:dyDescent="0.2">
      <c r="B783" s="24"/>
      <c r="C783" s="11" t="s">
        <v>572</v>
      </c>
      <c r="D783" s="12" t="s">
        <v>1064</v>
      </c>
      <c r="E783" s="11">
        <v>142158</v>
      </c>
      <c r="F783" s="12" t="s">
        <v>1409</v>
      </c>
      <c r="G783" s="17" t="s">
        <v>541</v>
      </c>
      <c r="H783" s="20">
        <v>6</v>
      </c>
      <c r="I783" s="18">
        <v>0</v>
      </c>
      <c r="J783" s="34"/>
    </row>
    <row r="784" spans="2:10" ht="39.75" customHeight="1" x14ac:dyDescent="0.2">
      <c r="B784" s="24"/>
      <c r="C784" s="11" t="s">
        <v>309</v>
      </c>
      <c r="D784" s="12" t="s">
        <v>1064</v>
      </c>
      <c r="E784" s="11">
        <v>142158</v>
      </c>
      <c r="F784" s="12" t="s">
        <v>384</v>
      </c>
      <c r="G784" s="13" t="s">
        <v>390</v>
      </c>
      <c r="H784" s="30">
        <v>1</v>
      </c>
      <c r="I784" s="18">
        <v>0</v>
      </c>
      <c r="J784" s="34"/>
    </row>
    <row r="785" spans="2:10" ht="39.75" customHeight="1" x14ac:dyDescent="0.2">
      <c r="B785" s="24"/>
      <c r="C785" s="11" t="s">
        <v>567</v>
      </c>
      <c r="D785" s="12" t="s">
        <v>1064</v>
      </c>
      <c r="E785" s="11">
        <v>142158</v>
      </c>
      <c r="F785" s="12" t="s">
        <v>1578</v>
      </c>
      <c r="G785" s="17" t="s">
        <v>541</v>
      </c>
      <c r="H785" s="20">
        <v>10</v>
      </c>
      <c r="I785" s="18">
        <v>4</v>
      </c>
      <c r="J785" s="34"/>
    </row>
    <row r="786" spans="2:10" ht="39.75" customHeight="1" x14ac:dyDescent="0.2">
      <c r="B786" s="24"/>
      <c r="C786" s="11" t="s">
        <v>577</v>
      </c>
      <c r="D786" s="12" t="s">
        <v>1064</v>
      </c>
      <c r="E786" s="11">
        <v>142158</v>
      </c>
      <c r="F786" s="12" t="s">
        <v>578</v>
      </c>
      <c r="G786" s="17" t="s">
        <v>541</v>
      </c>
      <c r="H786" s="20">
        <v>1</v>
      </c>
      <c r="I786" s="18">
        <v>0</v>
      </c>
      <c r="J786" s="34"/>
    </row>
    <row r="787" spans="2:10" ht="39.75" customHeight="1" x14ac:dyDescent="0.2">
      <c r="B787" s="24"/>
      <c r="C787" s="11" t="s">
        <v>257</v>
      </c>
      <c r="D787" s="12" t="s">
        <v>1064</v>
      </c>
      <c r="E787" s="11">
        <v>142158</v>
      </c>
      <c r="F787" s="12" t="s">
        <v>1410</v>
      </c>
      <c r="G787" s="13" t="s">
        <v>390</v>
      </c>
      <c r="H787" s="20">
        <v>1</v>
      </c>
      <c r="I787" s="18">
        <v>0</v>
      </c>
      <c r="J787" s="33" t="s">
        <v>2080</v>
      </c>
    </row>
    <row r="788" spans="2:10" ht="39.75" customHeight="1" x14ac:dyDescent="0.2">
      <c r="B788" s="24"/>
      <c r="C788" s="11" t="s">
        <v>547</v>
      </c>
      <c r="D788" s="12" t="s">
        <v>1064</v>
      </c>
      <c r="E788" s="11">
        <v>142158</v>
      </c>
      <c r="F788" s="12" t="s">
        <v>1330</v>
      </c>
      <c r="G788" s="17" t="s">
        <v>541</v>
      </c>
      <c r="H788" s="20">
        <v>3</v>
      </c>
      <c r="I788" s="18">
        <v>0</v>
      </c>
      <c r="J788" s="36"/>
    </row>
    <row r="789" spans="2:10" ht="39.75" customHeight="1" x14ac:dyDescent="0.2">
      <c r="B789" s="24"/>
      <c r="C789" s="11" t="s">
        <v>557</v>
      </c>
      <c r="D789" s="12" t="s">
        <v>1064</v>
      </c>
      <c r="E789" s="11">
        <v>142158</v>
      </c>
      <c r="F789" s="12" t="s">
        <v>1490</v>
      </c>
      <c r="G789" s="17" t="s">
        <v>541</v>
      </c>
      <c r="H789" s="20">
        <v>1</v>
      </c>
      <c r="I789" s="18">
        <v>0</v>
      </c>
      <c r="J789" s="34"/>
    </row>
    <row r="790" spans="2:10" ht="39.75" customHeight="1" x14ac:dyDescent="0.2">
      <c r="B790" s="24"/>
      <c r="C790" s="11" t="s">
        <v>560</v>
      </c>
      <c r="D790" s="12" t="s">
        <v>1064</v>
      </c>
      <c r="E790" s="11">
        <v>142158</v>
      </c>
      <c r="F790" s="12" t="s">
        <v>1491</v>
      </c>
      <c r="G790" s="17" t="s">
        <v>541</v>
      </c>
      <c r="H790" s="20">
        <v>3</v>
      </c>
      <c r="I790" s="18">
        <v>5</v>
      </c>
      <c r="J790" s="34"/>
    </row>
    <row r="791" spans="2:10" ht="39.75" customHeight="1" x14ac:dyDescent="0.2">
      <c r="B791" s="24"/>
      <c r="C791" s="11" t="s">
        <v>553</v>
      </c>
      <c r="D791" s="12" t="s">
        <v>1064</v>
      </c>
      <c r="E791" s="11">
        <v>142158</v>
      </c>
      <c r="F791" s="12" t="s">
        <v>1411</v>
      </c>
      <c r="G791" s="17" t="s">
        <v>541</v>
      </c>
      <c r="H791" s="20">
        <v>1</v>
      </c>
      <c r="I791" s="18">
        <v>0</v>
      </c>
      <c r="J791" s="34"/>
    </row>
    <row r="792" spans="2:10" ht="39.75" customHeight="1" x14ac:dyDescent="0.2">
      <c r="B792" s="24"/>
      <c r="C792" s="11" t="s">
        <v>565</v>
      </c>
      <c r="D792" s="12" t="s">
        <v>1064</v>
      </c>
      <c r="E792" s="11">
        <v>142158</v>
      </c>
      <c r="F792" s="12" t="s">
        <v>1697</v>
      </c>
      <c r="G792" s="17" t="s">
        <v>541</v>
      </c>
      <c r="H792" s="20">
        <v>1</v>
      </c>
      <c r="I792" s="18">
        <v>0</v>
      </c>
      <c r="J792" s="34"/>
    </row>
    <row r="793" spans="2:10" ht="39.75" customHeight="1" x14ac:dyDescent="0.2">
      <c r="B793" s="24"/>
      <c r="C793" s="11" t="s">
        <v>552</v>
      </c>
      <c r="D793" s="12" t="s">
        <v>1064</v>
      </c>
      <c r="E793" s="11">
        <v>142158</v>
      </c>
      <c r="F793" s="12" t="s">
        <v>1492</v>
      </c>
      <c r="G793" s="17" t="s">
        <v>541</v>
      </c>
      <c r="H793" s="20">
        <v>2</v>
      </c>
      <c r="I793" s="18">
        <v>0</v>
      </c>
      <c r="J793" s="34"/>
    </row>
    <row r="794" spans="2:10" ht="39.75" customHeight="1" x14ac:dyDescent="0.2">
      <c r="B794" s="24"/>
      <c r="C794" s="11" t="s">
        <v>566</v>
      </c>
      <c r="D794" s="12" t="s">
        <v>1064</v>
      </c>
      <c r="E794" s="11">
        <v>142158</v>
      </c>
      <c r="F794" s="12" t="s">
        <v>1164</v>
      </c>
      <c r="G794" s="17" t="s">
        <v>541</v>
      </c>
      <c r="H794" s="20">
        <v>1</v>
      </c>
      <c r="I794" s="18">
        <v>0</v>
      </c>
      <c r="J794" s="34"/>
    </row>
    <row r="795" spans="2:10" ht="39.75" customHeight="1" x14ac:dyDescent="0.2">
      <c r="B795" s="24"/>
      <c r="C795" s="11" t="s">
        <v>549</v>
      </c>
      <c r="D795" s="12" t="s">
        <v>1064</v>
      </c>
      <c r="E795" s="11">
        <v>142158</v>
      </c>
      <c r="F795" s="12" t="s">
        <v>1493</v>
      </c>
      <c r="G795" s="17" t="s">
        <v>541</v>
      </c>
      <c r="H795" s="20">
        <v>4</v>
      </c>
      <c r="I795" s="18">
        <v>0</v>
      </c>
      <c r="J795" s="36"/>
    </row>
    <row r="796" spans="2:10" ht="39.75" customHeight="1" x14ac:dyDescent="0.2">
      <c r="B796" s="24"/>
      <c r="C796" s="11" t="s">
        <v>579</v>
      </c>
      <c r="D796" s="12" t="s">
        <v>1064</v>
      </c>
      <c r="E796" s="11">
        <v>142158</v>
      </c>
      <c r="F796" s="12" t="s">
        <v>580</v>
      </c>
      <c r="G796" s="17" t="s">
        <v>541</v>
      </c>
      <c r="H796" s="20">
        <v>1</v>
      </c>
      <c r="I796" s="18">
        <v>6</v>
      </c>
      <c r="J796" s="34" t="s">
        <v>581</v>
      </c>
    </row>
    <row r="797" spans="2:10" ht="39.75" customHeight="1" x14ac:dyDescent="0.2">
      <c r="B797" s="24"/>
      <c r="C797" s="11" t="s">
        <v>576</v>
      </c>
      <c r="D797" s="12" t="s">
        <v>1064</v>
      </c>
      <c r="E797" s="11">
        <v>142158</v>
      </c>
      <c r="F797" s="15" t="s">
        <v>1494</v>
      </c>
      <c r="G797" s="17" t="s">
        <v>541</v>
      </c>
      <c r="H797" s="20">
        <v>1</v>
      </c>
      <c r="I797" s="18">
        <v>0</v>
      </c>
      <c r="J797" s="34"/>
    </row>
    <row r="798" spans="2:10" ht="39.75" customHeight="1" x14ac:dyDescent="0.2">
      <c r="B798" s="24"/>
      <c r="C798" s="11" t="s">
        <v>235</v>
      </c>
      <c r="D798" s="12" t="s">
        <v>1064</v>
      </c>
      <c r="E798" s="11">
        <v>142158</v>
      </c>
      <c r="F798" s="12" t="s">
        <v>1579</v>
      </c>
      <c r="G798" s="13" t="s">
        <v>390</v>
      </c>
      <c r="H798" s="20">
        <v>2</v>
      </c>
      <c r="I798" s="18">
        <v>0</v>
      </c>
      <c r="J798" s="34"/>
    </row>
    <row r="799" spans="2:10" ht="39.75" customHeight="1" x14ac:dyDescent="0.2">
      <c r="B799" s="24"/>
      <c r="C799" s="11" t="s">
        <v>546</v>
      </c>
      <c r="D799" s="12" t="s">
        <v>1064</v>
      </c>
      <c r="E799" s="11">
        <v>142158</v>
      </c>
      <c r="F799" s="12" t="s">
        <v>1331</v>
      </c>
      <c r="G799" s="17" t="s">
        <v>541</v>
      </c>
      <c r="H799" s="20">
        <v>3</v>
      </c>
      <c r="I799" s="18">
        <v>0</v>
      </c>
      <c r="J799" s="36"/>
    </row>
    <row r="800" spans="2:10" ht="39.75" customHeight="1" x14ac:dyDescent="0.2">
      <c r="B800" s="24"/>
      <c r="C800" s="11" t="s">
        <v>234</v>
      </c>
      <c r="D800" s="12" t="s">
        <v>1064</v>
      </c>
      <c r="E800" s="11">
        <v>142158</v>
      </c>
      <c r="F800" s="12" t="s">
        <v>1332</v>
      </c>
      <c r="G800" s="13" t="s">
        <v>390</v>
      </c>
      <c r="H800" s="20">
        <v>3</v>
      </c>
      <c r="I800" s="18">
        <v>0</v>
      </c>
      <c r="J800" s="34"/>
    </row>
    <row r="801" spans="2:10" ht="39.75" customHeight="1" x14ac:dyDescent="0.2">
      <c r="B801" s="24"/>
      <c r="C801" s="11" t="s">
        <v>582</v>
      </c>
      <c r="D801" s="12" t="s">
        <v>1064</v>
      </c>
      <c r="E801" s="11">
        <v>142158</v>
      </c>
      <c r="F801" s="12" t="s">
        <v>1165</v>
      </c>
      <c r="G801" s="17" t="s">
        <v>541</v>
      </c>
      <c r="H801" s="32" t="s">
        <v>583</v>
      </c>
      <c r="I801" s="18">
        <v>0</v>
      </c>
      <c r="J801" s="34" t="s">
        <v>584</v>
      </c>
    </row>
    <row r="802" spans="2:10" ht="39.75" customHeight="1" x14ac:dyDescent="0.2">
      <c r="B802" s="24"/>
      <c r="C802" s="11" t="s">
        <v>602</v>
      </c>
      <c r="D802" s="12" t="s">
        <v>1065</v>
      </c>
      <c r="E802" s="11">
        <v>142166</v>
      </c>
      <c r="F802" s="12" t="s">
        <v>1828</v>
      </c>
      <c r="G802" s="17" t="s">
        <v>585</v>
      </c>
      <c r="H802" s="20">
        <v>0</v>
      </c>
      <c r="I802" s="18">
        <v>1</v>
      </c>
      <c r="J802" s="34" t="s">
        <v>603</v>
      </c>
    </row>
    <row r="803" spans="2:10" ht="39.75" customHeight="1" x14ac:dyDescent="0.2">
      <c r="B803" s="24"/>
      <c r="C803" s="11" t="s">
        <v>371</v>
      </c>
      <c r="D803" s="12" t="s">
        <v>1065</v>
      </c>
      <c r="E803" s="11">
        <v>142166</v>
      </c>
      <c r="F803" s="12" t="s">
        <v>1827</v>
      </c>
      <c r="G803" s="13" t="s">
        <v>390</v>
      </c>
      <c r="H803" s="20">
        <v>2</v>
      </c>
      <c r="I803" s="18">
        <v>0</v>
      </c>
      <c r="J803" s="33" t="s">
        <v>2080</v>
      </c>
    </row>
    <row r="804" spans="2:10" ht="39.75" customHeight="1" x14ac:dyDescent="0.2">
      <c r="B804" s="24"/>
      <c r="C804" s="11" t="s">
        <v>308</v>
      </c>
      <c r="D804" s="12" t="s">
        <v>1065</v>
      </c>
      <c r="E804" s="11">
        <v>142166</v>
      </c>
      <c r="F804" s="12" t="s">
        <v>1412</v>
      </c>
      <c r="G804" s="13" t="s">
        <v>390</v>
      </c>
      <c r="H804" s="20">
        <v>0</v>
      </c>
      <c r="I804" s="18">
        <v>1</v>
      </c>
      <c r="J804" s="34"/>
    </row>
    <row r="805" spans="2:10" ht="39.75" customHeight="1" x14ac:dyDescent="0.2">
      <c r="B805" s="24"/>
      <c r="C805" s="11" t="s">
        <v>101</v>
      </c>
      <c r="D805" s="12" t="s">
        <v>1065</v>
      </c>
      <c r="E805" s="11">
        <v>142166</v>
      </c>
      <c r="F805" s="12" t="s">
        <v>1177</v>
      </c>
      <c r="G805" s="13" t="s">
        <v>390</v>
      </c>
      <c r="H805" s="20">
        <v>8</v>
      </c>
      <c r="I805" s="18">
        <v>2</v>
      </c>
      <c r="J805" s="34"/>
    </row>
    <row r="806" spans="2:10" ht="39.75" customHeight="1" x14ac:dyDescent="0.2">
      <c r="B806" s="24"/>
      <c r="C806" s="11" t="s">
        <v>607</v>
      </c>
      <c r="D806" s="12" t="s">
        <v>1065</v>
      </c>
      <c r="E806" s="11">
        <v>142166</v>
      </c>
      <c r="F806" s="12" t="s">
        <v>1279</v>
      </c>
      <c r="G806" s="17" t="s">
        <v>585</v>
      </c>
      <c r="H806" s="20">
        <v>1</v>
      </c>
      <c r="I806" s="18">
        <v>1</v>
      </c>
      <c r="J806" s="34"/>
    </row>
    <row r="807" spans="2:10" ht="39.75" customHeight="1" x14ac:dyDescent="0.2">
      <c r="B807" s="24"/>
      <c r="C807" s="11" t="s">
        <v>588</v>
      </c>
      <c r="D807" s="12" t="s">
        <v>1065</v>
      </c>
      <c r="E807" s="11">
        <v>142166</v>
      </c>
      <c r="F807" s="12" t="s">
        <v>1791</v>
      </c>
      <c r="G807" s="17" t="s">
        <v>585</v>
      </c>
      <c r="H807" s="20">
        <v>0</v>
      </c>
      <c r="I807" s="18">
        <v>1</v>
      </c>
      <c r="J807" s="34"/>
    </row>
    <row r="808" spans="2:10" ht="39.75" customHeight="1" x14ac:dyDescent="0.2">
      <c r="B808" s="24"/>
      <c r="C808" s="11" t="s">
        <v>600</v>
      </c>
      <c r="D808" s="12" t="s">
        <v>1065</v>
      </c>
      <c r="E808" s="11">
        <v>142166</v>
      </c>
      <c r="F808" s="12" t="s">
        <v>1413</v>
      </c>
      <c r="G808" s="17" t="s">
        <v>585</v>
      </c>
      <c r="H808" s="20">
        <v>2</v>
      </c>
      <c r="I808" s="18">
        <v>0</v>
      </c>
      <c r="J808" s="34"/>
    </row>
    <row r="809" spans="2:10" ht="39.75" customHeight="1" x14ac:dyDescent="0.2">
      <c r="B809" s="24"/>
      <c r="C809" s="11" t="s">
        <v>599</v>
      </c>
      <c r="D809" s="12" t="s">
        <v>1065</v>
      </c>
      <c r="E809" s="11">
        <v>142166</v>
      </c>
      <c r="F809" s="12" t="s">
        <v>1792</v>
      </c>
      <c r="G809" s="17" t="s">
        <v>585</v>
      </c>
      <c r="H809" s="20">
        <v>2</v>
      </c>
      <c r="I809" s="18">
        <v>0</v>
      </c>
      <c r="J809" s="34"/>
    </row>
    <row r="810" spans="2:10" ht="39.75" customHeight="1" x14ac:dyDescent="0.2">
      <c r="B810" s="24"/>
      <c r="C810" s="11" t="s">
        <v>601</v>
      </c>
      <c r="D810" s="12" t="s">
        <v>1065</v>
      </c>
      <c r="E810" s="11">
        <v>142166</v>
      </c>
      <c r="F810" s="12" t="s">
        <v>1793</v>
      </c>
      <c r="G810" s="17" t="s">
        <v>585</v>
      </c>
      <c r="H810" s="20">
        <v>2</v>
      </c>
      <c r="I810" s="18">
        <v>0</v>
      </c>
      <c r="J810" s="34"/>
    </row>
    <row r="811" spans="2:10" ht="39.75" customHeight="1" x14ac:dyDescent="0.2">
      <c r="B811" s="24"/>
      <c r="C811" s="11" t="s">
        <v>593</v>
      </c>
      <c r="D811" s="12" t="s">
        <v>1065</v>
      </c>
      <c r="E811" s="11">
        <v>142166</v>
      </c>
      <c r="F811" s="12" t="s">
        <v>1794</v>
      </c>
      <c r="G811" s="17" t="s">
        <v>585</v>
      </c>
      <c r="H811" s="20">
        <v>1</v>
      </c>
      <c r="I811" s="18">
        <v>0</v>
      </c>
      <c r="J811" s="34"/>
    </row>
    <row r="812" spans="2:10" ht="39.75" customHeight="1" x14ac:dyDescent="0.2">
      <c r="B812" s="24"/>
      <c r="C812" s="11" t="s">
        <v>590</v>
      </c>
      <c r="D812" s="12" t="s">
        <v>1065</v>
      </c>
      <c r="E812" s="11">
        <v>142166</v>
      </c>
      <c r="F812" s="12" t="s">
        <v>1698</v>
      </c>
      <c r="G812" s="17" t="s">
        <v>585</v>
      </c>
      <c r="H812" s="20">
        <v>1</v>
      </c>
      <c r="I812" s="18">
        <v>0</v>
      </c>
      <c r="J812" s="34"/>
    </row>
    <row r="813" spans="2:10" ht="39.75" customHeight="1" x14ac:dyDescent="0.2">
      <c r="B813" s="24"/>
      <c r="C813" s="11" t="s">
        <v>604</v>
      </c>
      <c r="D813" s="12" t="s">
        <v>1065</v>
      </c>
      <c r="E813" s="11">
        <v>142166</v>
      </c>
      <c r="F813" s="12" t="s">
        <v>1333</v>
      </c>
      <c r="G813" s="17" t="s">
        <v>585</v>
      </c>
      <c r="H813" s="20">
        <v>2</v>
      </c>
      <c r="I813" s="18">
        <v>0</v>
      </c>
      <c r="J813" s="34"/>
    </row>
    <row r="814" spans="2:10" ht="39.75" customHeight="1" x14ac:dyDescent="0.2">
      <c r="B814" s="24"/>
      <c r="C814" s="11" t="s">
        <v>608</v>
      </c>
      <c r="D814" s="12" t="s">
        <v>1065</v>
      </c>
      <c r="E814" s="11">
        <v>142166</v>
      </c>
      <c r="F814" s="12" t="s">
        <v>1699</v>
      </c>
      <c r="G814" s="17" t="s">
        <v>585</v>
      </c>
      <c r="H814" s="20">
        <v>1</v>
      </c>
      <c r="I814" s="18">
        <v>0</v>
      </c>
      <c r="J814" s="34"/>
    </row>
    <row r="815" spans="2:10" ht="39.75" customHeight="1" x14ac:dyDescent="0.2">
      <c r="B815" s="24"/>
      <c r="C815" s="11" t="s">
        <v>591</v>
      </c>
      <c r="D815" s="12" t="s">
        <v>1065</v>
      </c>
      <c r="E815" s="11">
        <v>142166</v>
      </c>
      <c r="F815" s="12" t="s">
        <v>1700</v>
      </c>
      <c r="G815" s="17" t="s">
        <v>585</v>
      </c>
      <c r="H815" s="20">
        <v>0</v>
      </c>
      <c r="I815" s="18">
        <v>1</v>
      </c>
      <c r="J815" s="34"/>
    </row>
    <row r="816" spans="2:10" ht="39.75" customHeight="1" x14ac:dyDescent="0.2">
      <c r="B816" s="24"/>
      <c r="C816" s="11" t="s">
        <v>51</v>
      </c>
      <c r="D816" s="12" t="s">
        <v>1065</v>
      </c>
      <c r="E816" s="11">
        <v>142166</v>
      </c>
      <c r="F816" s="12" t="s">
        <v>1334</v>
      </c>
      <c r="G816" s="17" t="s">
        <v>585</v>
      </c>
      <c r="H816" s="20">
        <v>1</v>
      </c>
      <c r="I816" s="18">
        <v>0</v>
      </c>
      <c r="J816" s="34"/>
    </row>
    <row r="817" spans="2:10" ht="39.75" customHeight="1" x14ac:dyDescent="0.2">
      <c r="B817" s="24"/>
      <c r="C817" s="11" t="s">
        <v>596</v>
      </c>
      <c r="D817" s="12" t="s">
        <v>1065</v>
      </c>
      <c r="E817" s="11">
        <v>142166</v>
      </c>
      <c r="F817" s="12" t="s">
        <v>1495</v>
      </c>
      <c r="G817" s="17" t="s">
        <v>585</v>
      </c>
      <c r="H817" s="20">
        <v>1</v>
      </c>
      <c r="I817" s="18">
        <v>0</v>
      </c>
      <c r="J817" s="34"/>
    </row>
    <row r="818" spans="2:10" ht="39.75" customHeight="1" x14ac:dyDescent="0.2">
      <c r="B818" s="24"/>
      <c r="C818" s="11" t="s">
        <v>605</v>
      </c>
      <c r="D818" s="12" t="s">
        <v>1065</v>
      </c>
      <c r="E818" s="11">
        <v>142166</v>
      </c>
      <c r="F818" s="12" t="s">
        <v>1198</v>
      </c>
      <c r="G818" s="17" t="s">
        <v>585</v>
      </c>
      <c r="H818" s="20">
        <v>1</v>
      </c>
      <c r="I818" s="18">
        <v>0</v>
      </c>
      <c r="J818" s="34"/>
    </row>
    <row r="819" spans="2:10" ht="39.75" customHeight="1" x14ac:dyDescent="0.2">
      <c r="B819" s="24"/>
      <c r="C819" s="11" t="s">
        <v>589</v>
      </c>
      <c r="D819" s="12" t="s">
        <v>1065</v>
      </c>
      <c r="E819" s="11">
        <v>142166</v>
      </c>
      <c r="F819" s="12" t="s">
        <v>1280</v>
      </c>
      <c r="G819" s="17" t="s">
        <v>585</v>
      </c>
      <c r="H819" s="20">
        <v>0</v>
      </c>
      <c r="I819" s="18">
        <v>1</v>
      </c>
      <c r="J819" s="34"/>
    </row>
    <row r="820" spans="2:10" ht="39.75" customHeight="1" x14ac:dyDescent="0.2">
      <c r="B820" s="24"/>
      <c r="C820" s="11" t="s">
        <v>592</v>
      </c>
      <c r="D820" s="12" t="s">
        <v>1065</v>
      </c>
      <c r="E820" s="11">
        <v>142166</v>
      </c>
      <c r="F820" s="12" t="s">
        <v>1795</v>
      </c>
      <c r="G820" s="17" t="s">
        <v>585</v>
      </c>
      <c r="H820" s="20">
        <v>1</v>
      </c>
      <c r="I820" s="18">
        <v>0</v>
      </c>
      <c r="J820" s="34"/>
    </row>
    <row r="821" spans="2:10" ht="39.75" customHeight="1" x14ac:dyDescent="0.2">
      <c r="B821" s="24"/>
      <c r="C821" s="11" t="s">
        <v>586</v>
      </c>
      <c r="D821" s="12" t="s">
        <v>1065</v>
      </c>
      <c r="E821" s="11">
        <v>142166</v>
      </c>
      <c r="F821" s="12" t="s">
        <v>1199</v>
      </c>
      <c r="G821" s="17" t="s">
        <v>585</v>
      </c>
      <c r="H821" s="20">
        <v>10</v>
      </c>
      <c r="I821" s="18">
        <v>4</v>
      </c>
      <c r="J821" s="34" t="s">
        <v>587</v>
      </c>
    </row>
    <row r="822" spans="2:10" ht="39.75" customHeight="1" x14ac:dyDescent="0.2">
      <c r="B822" s="24"/>
      <c r="C822" s="11" t="s">
        <v>597</v>
      </c>
      <c r="D822" s="12" t="s">
        <v>1065</v>
      </c>
      <c r="E822" s="11">
        <v>142166</v>
      </c>
      <c r="F822" s="12" t="s">
        <v>598</v>
      </c>
      <c r="G822" s="17" t="s">
        <v>585</v>
      </c>
      <c r="H822" s="20">
        <v>1</v>
      </c>
      <c r="I822" s="18">
        <v>0</v>
      </c>
      <c r="J822" s="34"/>
    </row>
    <row r="823" spans="2:10" ht="39.75" customHeight="1" x14ac:dyDescent="0.2">
      <c r="B823" s="24"/>
      <c r="C823" s="11" t="s">
        <v>238</v>
      </c>
      <c r="D823" s="12" t="s">
        <v>1065</v>
      </c>
      <c r="E823" s="11">
        <v>142166</v>
      </c>
      <c r="F823" s="12" t="s">
        <v>1701</v>
      </c>
      <c r="G823" s="13" t="s">
        <v>390</v>
      </c>
      <c r="H823" s="20">
        <v>3</v>
      </c>
      <c r="I823" s="18">
        <v>0</v>
      </c>
      <c r="J823" s="34"/>
    </row>
    <row r="824" spans="2:10" ht="39.75" customHeight="1" x14ac:dyDescent="0.2">
      <c r="B824" s="24"/>
      <c r="C824" s="11" t="s">
        <v>237</v>
      </c>
      <c r="D824" s="12" t="s">
        <v>1065</v>
      </c>
      <c r="E824" s="11">
        <v>142166</v>
      </c>
      <c r="F824" s="12" t="s">
        <v>1702</v>
      </c>
      <c r="G824" s="13" t="s">
        <v>390</v>
      </c>
      <c r="H824" s="20">
        <v>3</v>
      </c>
      <c r="I824" s="18">
        <v>0</v>
      </c>
      <c r="J824" s="34"/>
    </row>
    <row r="825" spans="2:10" s="38" customFormat="1" ht="39.75" customHeight="1" x14ac:dyDescent="0.2">
      <c r="B825" s="37"/>
      <c r="C825" s="21" t="s">
        <v>594</v>
      </c>
      <c r="D825" s="22" t="s">
        <v>1065</v>
      </c>
      <c r="E825" s="11">
        <v>142166</v>
      </c>
      <c r="F825" s="22" t="s">
        <v>1796</v>
      </c>
      <c r="G825" s="45" t="s">
        <v>585</v>
      </c>
      <c r="H825" s="29">
        <v>4</v>
      </c>
      <c r="I825" s="26">
        <v>0</v>
      </c>
      <c r="J825" s="33" t="s">
        <v>595</v>
      </c>
    </row>
    <row r="826" spans="2:10" s="38" customFormat="1" ht="39.75" customHeight="1" x14ac:dyDescent="0.2">
      <c r="B826" s="37"/>
      <c r="C826" s="21" t="s">
        <v>236</v>
      </c>
      <c r="D826" s="22" t="s">
        <v>1065</v>
      </c>
      <c r="E826" s="11">
        <v>142166</v>
      </c>
      <c r="F826" s="22" t="s">
        <v>1200</v>
      </c>
      <c r="G826" s="23" t="s">
        <v>390</v>
      </c>
      <c r="H826" s="29">
        <v>1</v>
      </c>
      <c r="I826" s="26">
        <v>0</v>
      </c>
      <c r="J826" s="33"/>
    </row>
    <row r="827" spans="2:10" s="38" customFormat="1" ht="39.75" customHeight="1" x14ac:dyDescent="0.2">
      <c r="B827" s="37"/>
      <c r="C827" s="21" t="s">
        <v>613</v>
      </c>
      <c r="D827" s="22" t="s">
        <v>621</v>
      </c>
      <c r="E827" s="11">
        <v>142174</v>
      </c>
      <c r="F827" s="22" t="s">
        <v>1414</v>
      </c>
      <c r="G827" s="45" t="s">
        <v>612</v>
      </c>
      <c r="H827" s="29">
        <v>4</v>
      </c>
      <c r="I827" s="26">
        <v>4</v>
      </c>
      <c r="J827" s="33" t="s">
        <v>614</v>
      </c>
    </row>
    <row r="828" spans="2:10" s="38" customFormat="1" ht="39.75" customHeight="1" x14ac:dyDescent="0.2">
      <c r="B828" s="37"/>
      <c r="C828" s="21" t="s">
        <v>31</v>
      </c>
      <c r="D828" s="22" t="s">
        <v>621</v>
      </c>
      <c r="E828" s="11">
        <v>142174</v>
      </c>
      <c r="F828" s="22" t="s">
        <v>1703</v>
      </c>
      <c r="G828" s="23" t="s">
        <v>390</v>
      </c>
      <c r="H828" s="29">
        <v>1</v>
      </c>
      <c r="I828" s="26">
        <v>1</v>
      </c>
      <c r="J828" s="33"/>
    </row>
    <row r="829" spans="2:10" s="38" customFormat="1" ht="39.75" customHeight="1" x14ac:dyDescent="0.2">
      <c r="B829" s="37"/>
      <c r="C829" s="21" t="s">
        <v>610</v>
      </c>
      <c r="D829" s="22" t="s">
        <v>621</v>
      </c>
      <c r="E829" s="11">
        <v>142174</v>
      </c>
      <c r="F829" s="22" t="s">
        <v>1335</v>
      </c>
      <c r="G829" s="45" t="s">
        <v>609</v>
      </c>
      <c r="H829" s="29">
        <v>2</v>
      </c>
      <c r="I829" s="26">
        <v>2</v>
      </c>
      <c r="J829" s="33"/>
    </row>
    <row r="830" spans="2:10" s="38" customFormat="1" ht="39.75" customHeight="1" x14ac:dyDescent="0.2">
      <c r="B830" s="37"/>
      <c r="C830" s="21" t="s">
        <v>611</v>
      </c>
      <c r="D830" s="22" t="s">
        <v>621</v>
      </c>
      <c r="E830" s="11">
        <v>142174</v>
      </c>
      <c r="F830" s="22" t="s">
        <v>1797</v>
      </c>
      <c r="G830" s="45" t="s">
        <v>609</v>
      </c>
      <c r="H830" s="29">
        <v>2</v>
      </c>
      <c r="I830" s="26">
        <v>3</v>
      </c>
      <c r="J830" s="33"/>
    </row>
    <row r="831" spans="2:10" s="38" customFormat="1" ht="39.75" customHeight="1" x14ac:dyDescent="0.2">
      <c r="B831" s="37"/>
      <c r="C831" s="21" t="s">
        <v>625</v>
      </c>
      <c r="D831" s="22" t="s">
        <v>621</v>
      </c>
      <c r="E831" s="11">
        <v>142174</v>
      </c>
      <c r="F831" s="22" t="s">
        <v>1580</v>
      </c>
      <c r="G831" s="45" t="s">
        <v>609</v>
      </c>
      <c r="H831" s="29">
        <v>2</v>
      </c>
      <c r="I831" s="26">
        <v>0</v>
      </c>
      <c r="J831" s="33"/>
    </row>
    <row r="832" spans="2:10" s="38" customFormat="1" ht="39.75" customHeight="1" x14ac:dyDescent="0.2">
      <c r="B832" s="37"/>
      <c r="C832" s="21" t="s">
        <v>619</v>
      </c>
      <c r="D832" s="22" t="s">
        <v>621</v>
      </c>
      <c r="E832" s="11">
        <v>142174</v>
      </c>
      <c r="F832" s="22" t="s">
        <v>1798</v>
      </c>
      <c r="G832" s="45" t="s">
        <v>609</v>
      </c>
      <c r="H832" s="29">
        <v>3</v>
      </c>
      <c r="I832" s="26">
        <v>1</v>
      </c>
      <c r="J832" s="33" t="s">
        <v>620</v>
      </c>
    </row>
    <row r="833" spans="2:10" s="39" customFormat="1" ht="39.75" customHeight="1" x14ac:dyDescent="0.2">
      <c r="B833" s="37"/>
      <c r="C833" s="21" t="s">
        <v>264</v>
      </c>
      <c r="D833" s="22" t="s">
        <v>621</v>
      </c>
      <c r="E833" s="11">
        <v>142174</v>
      </c>
      <c r="F833" s="22" t="s">
        <v>1581</v>
      </c>
      <c r="G833" s="23" t="s">
        <v>390</v>
      </c>
      <c r="H833" s="29">
        <v>0</v>
      </c>
      <c r="I833" s="26">
        <v>1</v>
      </c>
      <c r="J833" s="33"/>
    </row>
    <row r="834" spans="2:10" s="39" customFormat="1" ht="39.75" customHeight="1" x14ac:dyDescent="0.2">
      <c r="B834" s="37"/>
      <c r="C834" s="21" t="s">
        <v>626</v>
      </c>
      <c r="D834" s="22" t="s">
        <v>621</v>
      </c>
      <c r="E834" s="11">
        <v>142174</v>
      </c>
      <c r="F834" s="22" t="s">
        <v>1704</v>
      </c>
      <c r="G834" s="45" t="s">
        <v>609</v>
      </c>
      <c r="H834" s="29">
        <v>4</v>
      </c>
      <c r="I834" s="26">
        <v>1</v>
      </c>
      <c r="J834" s="33"/>
    </row>
    <row r="835" spans="2:10" s="38" customFormat="1" ht="39.75" customHeight="1" x14ac:dyDescent="0.2">
      <c r="B835" s="37"/>
      <c r="C835" s="21" t="s">
        <v>617</v>
      </c>
      <c r="D835" s="22" t="s">
        <v>621</v>
      </c>
      <c r="E835" s="11">
        <v>142174</v>
      </c>
      <c r="F835" s="22" t="s">
        <v>1582</v>
      </c>
      <c r="G835" s="45" t="s">
        <v>612</v>
      </c>
      <c r="H835" s="29">
        <v>6</v>
      </c>
      <c r="I835" s="26">
        <v>0</v>
      </c>
      <c r="J835" s="33"/>
    </row>
    <row r="836" spans="2:10" s="38" customFormat="1" ht="39.75" customHeight="1" x14ac:dyDescent="0.2">
      <c r="B836" s="37"/>
      <c r="C836" s="21" t="s">
        <v>615</v>
      </c>
      <c r="D836" s="22" t="s">
        <v>621</v>
      </c>
      <c r="E836" s="11">
        <v>142174</v>
      </c>
      <c r="F836" s="22" t="s">
        <v>1415</v>
      </c>
      <c r="G836" s="45" t="s">
        <v>612</v>
      </c>
      <c r="H836" s="29">
        <v>1</v>
      </c>
      <c r="I836" s="26">
        <v>0</v>
      </c>
      <c r="J836" s="33" t="s">
        <v>616</v>
      </c>
    </row>
    <row r="837" spans="2:10" s="38" customFormat="1" ht="39.75" customHeight="1" x14ac:dyDescent="0.2">
      <c r="B837" s="37"/>
      <c r="C837" s="21" t="s">
        <v>618</v>
      </c>
      <c r="D837" s="22" t="s">
        <v>621</v>
      </c>
      <c r="E837" s="11">
        <v>142174</v>
      </c>
      <c r="F837" s="22" t="s">
        <v>1281</v>
      </c>
      <c r="G837" s="45" t="s">
        <v>612</v>
      </c>
      <c r="H837" s="29">
        <v>0</v>
      </c>
      <c r="I837" s="26">
        <v>3</v>
      </c>
      <c r="J837" s="33"/>
    </row>
    <row r="838" spans="2:10" s="38" customFormat="1" ht="39.75" customHeight="1" x14ac:dyDescent="0.2">
      <c r="B838" s="37"/>
      <c r="C838" s="21" t="s">
        <v>622</v>
      </c>
      <c r="D838" s="22" t="s">
        <v>621</v>
      </c>
      <c r="E838" s="11">
        <v>142174</v>
      </c>
      <c r="F838" s="22" t="s">
        <v>1282</v>
      </c>
      <c r="G838" s="45" t="s">
        <v>621</v>
      </c>
      <c r="H838" s="29">
        <v>1</v>
      </c>
      <c r="I838" s="26">
        <v>1</v>
      </c>
      <c r="J838" s="33"/>
    </row>
    <row r="839" spans="2:10" s="38" customFormat="1" ht="39.75" customHeight="1" x14ac:dyDescent="0.2">
      <c r="B839" s="37"/>
      <c r="C839" s="21" t="s">
        <v>624</v>
      </c>
      <c r="D839" s="22" t="s">
        <v>621</v>
      </c>
      <c r="E839" s="11">
        <v>142174</v>
      </c>
      <c r="F839" s="22" t="s">
        <v>1799</v>
      </c>
      <c r="G839" s="45" t="s">
        <v>621</v>
      </c>
      <c r="H839" s="29">
        <v>0</v>
      </c>
      <c r="I839" s="26">
        <v>1</v>
      </c>
      <c r="J839" s="33"/>
    </row>
    <row r="840" spans="2:10" s="38" customFormat="1" ht="39.75" customHeight="1" x14ac:dyDescent="0.2">
      <c r="B840" s="37"/>
      <c r="C840" s="21" t="s">
        <v>623</v>
      </c>
      <c r="D840" s="22" t="s">
        <v>621</v>
      </c>
      <c r="E840" s="11">
        <v>142174</v>
      </c>
      <c r="F840" s="22" t="s">
        <v>1705</v>
      </c>
      <c r="G840" s="45" t="s">
        <v>621</v>
      </c>
      <c r="H840" s="29">
        <v>0</v>
      </c>
      <c r="I840" s="26">
        <v>1</v>
      </c>
      <c r="J840" s="33"/>
    </row>
    <row r="841" spans="2:10" s="38" customFormat="1" ht="39.75" customHeight="1" x14ac:dyDescent="0.2">
      <c r="B841" s="37"/>
      <c r="C841" s="21" t="s">
        <v>239</v>
      </c>
      <c r="D841" s="22" t="s">
        <v>621</v>
      </c>
      <c r="E841" s="11">
        <v>142174</v>
      </c>
      <c r="F841" s="22" t="s">
        <v>1706</v>
      </c>
      <c r="G841" s="23" t="s">
        <v>390</v>
      </c>
      <c r="H841" s="29">
        <v>2</v>
      </c>
      <c r="I841" s="26">
        <v>0</v>
      </c>
      <c r="J841" s="33"/>
    </row>
    <row r="842" spans="2:10" s="38" customFormat="1" ht="39.75" customHeight="1" x14ac:dyDescent="0.2">
      <c r="B842" s="37"/>
      <c r="C842" s="21" t="s">
        <v>658</v>
      </c>
      <c r="D842" s="22" t="s">
        <v>1066</v>
      </c>
      <c r="E842" s="11">
        <v>142182</v>
      </c>
      <c r="F842" s="22" t="s">
        <v>1336</v>
      </c>
      <c r="G842" s="45" t="s">
        <v>627</v>
      </c>
      <c r="H842" s="29">
        <v>1</v>
      </c>
      <c r="I842" s="26">
        <v>0</v>
      </c>
      <c r="J842" s="33"/>
    </row>
    <row r="843" spans="2:10" s="38" customFormat="1" ht="39.75" customHeight="1" x14ac:dyDescent="0.2">
      <c r="B843" s="37"/>
      <c r="C843" s="21" t="s">
        <v>653</v>
      </c>
      <c r="D843" s="22" t="s">
        <v>1066</v>
      </c>
      <c r="E843" s="11">
        <v>142182</v>
      </c>
      <c r="F843" s="22" t="s">
        <v>1800</v>
      </c>
      <c r="G843" s="45" t="s">
        <v>627</v>
      </c>
      <c r="H843" s="29">
        <v>1</v>
      </c>
      <c r="I843" s="26">
        <v>0</v>
      </c>
      <c r="J843" s="33"/>
    </row>
    <row r="844" spans="2:10" s="38" customFormat="1" ht="39.75" customHeight="1" x14ac:dyDescent="0.2">
      <c r="B844" s="37"/>
      <c r="C844" s="21" t="s">
        <v>644</v>
      </c>
      <c r="D844" s="22" t="s">
        <v>1066</v>
      </c>
      <c r="E844" s="11">
        <v>142182</v>
      </c>
      <c r="F844" s="22" t="s">
        <v>1496</v>
      </c>
      <c r="G844" s="45" t="s">
        <v>627</v>
      </c>
      <c r="H844" s="29">
        <v>1</v>
      </c>
      <c r="I844" s="26">
        <v>0</v>
      </c>
      <c r="J844" s="33"/>
    </row>
    <row r="845" spans="2:10" s="38" customFormat="1" ht="39.75" customHeight="1" x14ac:dyDescent="0.2">
      <c r="B845" s="37"/>
      <c r="C845" s="21" t="s">
        <v>651</v>
      </c>
      <c r="D845" s="22" t="s">
        <v>1066</v>
      </c>
      <c r="E845" s="11">
        <v>142182</v>
      </c>
      <c r="F845" s="22" t="s">
        <v>1497</v>
      </c>
      <c r="G845" s="45" t="s">
        <v>627</v>
      </c>
      <c r="H845" s="29">
        <v>1</v>
      </c>
      <c r="I845" s="26">
        <v>0</v>
      </c>
      <c r="J845" s="33"/>
    </row>
    <row r="846" spans="2:10" s="38" customFormat="1" ht="39.75" customHeight="1" x14ac:dyDescent="0.2">
      <c r="B846" s="37"/>
      <c r="C846" s="21" t="s">
        <v>659</v>
      </c>
      <c r="D846" s="22" t="s">
        <v>1066</v>
      </c>
      <c r="E846" s="11">
        <v>142182</v>
      </c>
      <c r="F846" s="22" t="s">
        <v>1583</v>
      </c>
      <c r="G846" s="45" t="s">
        <v>627</v>
      </c>
      <c r="H846" s="29">
        <v>1</v>
      </c>
      <c r="I846" s="26">
        <v>0</v>
      </c>
      <c r="J846" s="33"/>
    </row>
    <row r="847" spans="2:10" s="38" customFormat="1" ht="39.75" customHeight="1" x14ac:dyDescent="0.2">
      <c r="B847" s="37"/>
      <c r="C847" s="21" t="s">
        <v>643</v>
      </c>
      <c r="D847" s="22" t="s">
        <v>1066</v>
      </c>
      <c r="E847" s="11">
        <v>142182</v>
      </c>
      <c r="F847" s="22" t="s">
        <v>1584</v>
      </c>
      <c r="G847" s="45" t="s">
        <v>627</v>
      </c>
      <c r="H847" s="29">
        <v>1</v>
      </c>
      <c r="I847" s="26">
        <v>0</v>
      </c>
      <c r="J847" s="33"/>
    </row>
    <row r="848" spans="2:10" s="40" customFormat="1" ht="39.75" customHeight="1" x14ac:dyDescent="0.2">
      <c r="B848" s="37"/>
      <c r="C848" s="21" t="s">
        <v>656</v>
      </c>
      <c r="D848" s="22" t="s">
        <v>1066</v>
      </c>
      <c r="E848" s="11">
        <v>142182</v>
      </c>
      <c r="F848" s="22" t="s">
        <v>1416</v>
      </c>
      <c r="G848" s="45" t="s">
        <v>627</v>
      </c>
      <c r="H848" s="29">
        <v>1</v>
      </c>
      <c r="I848" s="26">
        <v>0</v>
      </c>
      <c r="J848" s="33"/>
    </row>
    <row r="849" spans="2:10" s="39" customFormat="1" ht="39.75" customHeight="1" x14ac:dyDescent="0.2">
      <c r="B849" s="37"/>
      <c r="C849" s="21" t="s">
        <v>657</v>
      </c>
      <c r="D849" s="22" t="s">
        <v>1066</v>
      </c>
      <c r="E849" s="11">
        <v>142182</v>
      </c>
      <c r="F849" s="22" t="s">
        <v>1417</v>
      </c>
      <c r="G849" s="45" t="s">
        <v>627</v>
      </c>
      <c r="H849" s="29">
        <v>1</v>
      </c>
      <c r="I849" s="26">
        <v>0</v>
      </c>
      <c r="J849" s="33"/>
    </row>
    <row r="850" spans="2:10" s="38" customFormat="1" ht="39.75" customHeight="1" x14ac:dyDescent="0.2">
      <c r="B850" s="37"/>
      <c r="C850" s="21" t="s">
        <v>655</v>
      </c>
      <c r="D850" s="22" t="s">
        <v>1066</v>
      </c>
      <c r="E850" s="11">
        <v>142182</v>
      </c>
      <c r="F850" s="22" t="s">
        <v>1585</v>
      </c>
      <c r="G850" s="45" t="s">
        <v>627</v>
      </c>
      <c r="H850" s="29">
        <v>1</v>
      </c>
      <c r="I850" s="26">
        <v>0</v>
      </c>
      <c r="J850" s="33"/>
    </row>
    <row r="851" spans="2:10" s="38" customFormat="1" ht="39.75" customHeight="1" x14ac:dyDescent="0.2">
      <c r="B851" s="37"/>
      <c r="C851" s="21" t="s">
        <v>654</v>
      </c>
      <c r="D851" s="22" t="s">
        <v>1066</v>
      </c>
      <c r="E851" s="11">
        <v>142182</v>
      </c>
      <c r="F851" s="22" t="s">
        <v>1498</v>
      </c>
      <c r="G851" s="45" t="s">
        <v>627</v>
      </c>
      <c r="H851" s="29">
        <v>1</v>
      </c>
      <c r="I851" s="26">
        <v>0</v>
      </c>
      <c r="J851" s="33"/>
    </row>
    <row r="852" spans="2:10" s="38" customFormat="1" ht="39.75" customHeight="1" x14ac:dyDescent="0.2">
      <c r="B852" s="37"/>
      <c r="C852" s="21" t="s">
        <v>631</v>
      </c>
      <c r="D852" s="22" t="s">
        <v>1066</v>
      </c>
      <c r="E852" s="11">
        <v>142182</v>
      </c>
      <c r="F852" s="22" t="s">
        <v>1418</v>
      </c>
      <c r="G852" s="45" t="s">
        <v>627</v>
      </c>
      <c r="H852" s="29">
        <v>6</v>
      </c>
      <c r="I852" s="26">
        <v>2</v>
      </c>
      <c r="J852" s="33" t="s">
        <v>630</v>
      </c>
    </row>
    <row r="853" spans="2:10" s="38" customFormat="1" ht="39.75" customHeight="1" x14ac:dyDescent="0.2">
      <c r="B853" s="37"/>
      <c r="C853" s="21" t="s">
        <v>661</v>
      </c>
      <c r="D853" s="22" t="s">
        <v>1066</v>
      </c>
      <c r="E853" s="11">
        <v>142182</v>
      </c>
      <c r="F853" s="22" t="s">
        <v>1499</v>
      </c>
      <c r="G853" s="45" t="s">
        <v>627</v>
      </c>
      <c r="H853" s="29">
        <v>3</v>
      </c>
      <c r="I853" s="26">
        <v>0</v>
      </c>
      <c r="J853" s="33"/>
    </row>
    <row r="854" spans="2:10" s="38" customFormat="1" ht="39.75" customHeight="1" x14ac:dyDescent="0.2">
      <c r="B854" s="37"/>
      <c r="C854" s="21" t="s">
        <v>662</v>
      </c>
      <c r="D854" s="22" t="s">
        <v>1066</v>
      </c>
      <c r="E854" s="11">
        <v>142182</v>
      </c>
      <c r="F854" s="22" t="s">
        <v>1707</v>
      </c>
      <c r="G854" s="45" t="s">
        <v>627</v>
      </c>
      <c r="H854" s="29">
        <v>1</v>
      </c>
      <c r="I854" s="26">
        <v>0</v>
      </c>
      <c r="J854" s="33"/>
    </row>
    <row r="855" spans="2:10" s="38" customFormat="1" ht="39.75" customHeight="1" x14ac:dyDescent="0.2">
      <c r="B855" s="37"/>
      <c r="C855" s="21" t="s">
        <v>652</v>
      </c>
      <c r="D855" s="22" t="s">
        <v>1066</v>
      </c>
      <c r="E855" s="11">
        <v>142182</v>
      </c>
      <c r="F855" s="22" t="s">
        <v>1419</v>
      </c>
      <c r="G855" s="45" t="s">
        <v>627</v>
      </c>
      <c r="H855" s="29">
        <v>1</v>
      </c>
      <c r="I855" s="26">
        <v>0</v>
      </c>
      <c r="J855" s="33"/>
    </row>
    <row r="856" spans="2:10" s="38" customFormat="1" ht="39.75" customHeight="1" x14ac:dyDescent="0.2">
      <c r="B856" s="37"/>
      <c r="C856" s="21" t="s">
        <v>642</v>
      </c>
      <c r="D856" s="22" t="s">
        <v>1066</v>
      </c>
      <c r="E856" s="11">
        <v>142182</v>
      </c>
      <c r="F856" s="22" t="s">
        <v>1337</v>
      </c>
      <c r="G856" s="45" t="s">
        <v>627</v>
      </c>
      <c r="H856" s="29">
        <v>1</v>
      </c>
      <c r="I856" s="26">
        <v>0</v>
      </c>
      <c r="J856" s="33"/>
    </row>
    <row r="857" spans="2:10" s="38" customFormat="1" ht="39.75" customHeight="1" x14ac:dyDescent="0.2">
      <c r="B857" s="37"/>
      <c r="C857" s="21" t="s">
        <v>632</v>
      </c>
      <c r="D857" s="22" t="s">
        <v>1066</v>
      </c>
      <c r="E857" s="11">
        <v>142182</v>
      </c>
      <c r="F857" s="22" t="s">
        <v>1338</v>
      </c>
      <c r="G857" s="45" t="s">
        <v>627</v>
      </c>
      <c r="H857" s="29">
        <v>1</v>
      </c>
      <c r="I857" s="26">
        <v>0</v>
      </c>
      <c r="J857" s="33"/>
    </row>
    <row r="858" spans="2:10" s="38" customFormat="1" ht="39.75" customHeight="1" x14ac:dyDescent="0.2">
      <c r="B858" s="37"/>
      <c r="C858" s="52" t="s">
        <v>638</v>
      </c>
      <c r="D858" s="22" t="s">
        <v>1066</v>
      </c>
      <c r="E858" s="11">
        <v>142182</v>
      </c>
      <c r="F858" s="22" t="s">
        <v>1284</v>
      </c>
      <c r="G858" s="45" t="s">
        <v>634</v>
      </c>
      <c r="H858" s="29" t="s">
        <v>639</v>
      </c>
      <c r="I858" s="26" t="s">
        <v>639</v>
      </c>
      <c r="J858" s="33" t="s">
        <v>640</v>
      </c>
    </row>
    <row r="859" spans="2:10" s="38" customFormat="1" ht="39.75" customHeight="1" x14ac:dyDescent="0.2">
      <c r="B859" s="37"/>
      <c r="C859" s="21" t="s">
        <v>633</v>
      </c>
      <c r="D859" s="22" t="s">
        <v>1066</v>
      </c>
      <c r="E859" s="11">
        <v>142182</v>
      </c>
      <c r="F859" s="22" t="s">
        <v>1500</v>
      </c>
      <c r="G859" s="45" t="s">
        <v>627</v>
      </c>
      <c r="H859" s="29">
        <v>1</v>
      </c>
      <c r="I859" s="26">
        <v>1</v>
      </c>
      <c r="J859" s="33"/>
    </row>
    <row r="860" spans="2:10" s="38" customFormat="1" ht="39.75" customHeight="1" x14ac:dyDescent="0.2">
      <c r="B860" s="37"/>
      <c r="C860" s="21" t="s">
        <v>660</v>
      </c>
      <c r="D860" s="22" t="s">
        <v>1066</v>
      </c>
      <c r="E860" s="11">
        <v>142182</v>
      </c>
      <c r="F860" s="22" t="s">
        <v>1420</v>
      </c>
      <c r="G860" s="45" t="s">
        <v>627</v>
      </c>
      <c r="H860" s="29">
        <v>1</v>
      </c>
      <c r="I860" s="26">
        <v>0</v>
      </c>
      <c r="J860" s="33"/>
    </row>
    <row r="861" spans="2:10" s="38" customFormat="1" ht="39.75" customHeight="1" x14ac:dyDescent="0.2">
      <c r="B861" s="37"/>
      <c r="C861" s="21" t="s">
        <v>641</v>
      </c>
      <c r="D861" s="22" t="s">
        <v>1066</v>
      </c>
      <c r="E861" s="11">
        <v>142182</v>
      </c>
      <c r="F861" s="22" t="s">
        <v>1285</v>
      </c>
      <c r="G861" s="45" t="s">
        <v>627</v>
      </c>
      <c r="H861" s="29">
        <v>1</v>
      </c>
      <c r="I861" s="26">
        <v>0</v>
      </c>
      <c r="J861" s="33"/>
    </row>
    <row r="862" spans="2:10" s="38" customFormat="1" ht="39.75" customHeight="1" x14ac:dyDescent="0.2">
      <c r="B862" s="37"/>
      <c r="C862" s="21" t="s">
        <v>647</v>
      </c>
      <c r="D862" s="22" t="s">
        <v>1066</v>
      </c>
      <c r="E862" s="11">
        <v>142182</v>
      </c>
      <c r="F862" s="22" t="s">
        <v>1501</v>
      </c>
      <c r="G862" s="45" t="s">
        <v>627</v>
      </c>
      <c r="H862" s="29">
        <v>1</v>
      </c>
      <c r="I862" s="26">
        <v>1</v>
      </c>
      <c r="J862" s="33"/>
    </row>
    <row r="863" spans="2:10" s="38" customFormat="1" ht="39.75" customHeight="1" x14ac:dyDescent="0.2">
      <c r="B863" s="37"/>
      <c r="C863" s="21" t="s">
        <v>667</v>
      </c>
      <c r="D863" s="22" t="s">
        <v>1066</v>
      </c>
      <c r="E863" s="11">
        <v>142182</v>
      </c>
      <c r="F863" s="22" t="s">
        <v>1801</v>
      </c>
      <c r="G863" s="45" t="s">
        <v>627</v>
      </c>
      <c r="H863" s="29">
        <v>2</v>
      </c>
      <c r="I863" s="26">
        <v>0</v>
      </c>
      <c r="J863" s="33"/>
    </row>
    <row r="864" spans="2:10" s="38" customFormat="1" ht="39.75" customHeight="1" x14ac:dyDescent="0.2">
      <c r="B864" s="37"/>
      <c r="C864" s="21" t="s">
        <v>649</v>
      </c>
      <c r="D864" s="22" t="s">
        <v>1066</v>
      </c>
      <c r="E864" s="11">
        <v>142182</v>
      </c>
      <c r="F864" s="22" t="s">
        <v>1502</v>
      </c>
      <c r="G864" s="45" t="s">
        <v>627</v>
      </c>
      <c r="H864" s="29">
        <v>1</v>
      </c>
      <c r="I864" s="26">
        <v>0</v>
      </c>
      <c r="J864" s="33"/>
    </row>
    <row r="865" spans="2:10" s="38" customFormat="1" ht="39.75" customHeight="1" x14ac:dyDescent="0.2">
      <c r="B865" s="37"/>
      <c r="C865" s="21" t="s">
        <v>628</v>
      </c>
      <c r="D865" s="22" t="s">
        <v>1066</v>
      </c>
      <c r="E865" s="11">
        <v>142182</v>
      </c>
      <c r="F865" s="22" t="s">
        <v>1286</v>
      </c>
      <c r="G865" s="45" t="s">
        <v>627</v>
      </c>
      <c r="H865" s="29">
        <v>2</v>
      </c>
      <c r="I865" s="26">
        <v>0</v>
      </c>
      <c r="J865" s="33"/>
    </row>
    <row r="866" spans="2:10" s="38" customFormat="1" ht="39.75" customHeight="1" x14ac:dyDescent="0.2">
      <c r="B866" s="37"/>
      <c r="C866" s="21" t="s">
        <v>240</v>
      </c>
      <c r="D866" s="22" t="s">
        <v>1066</v>
      </c>
      <c r="E866" s="11">
        <v>142182</v>
      </c>
      <c r="F866" s="22" t="s">
        <v>1339</v>
      </c>
      <c r="G866" s="23" t="s">
        <v>390</v>
      </c>
      <c r="H866" s="29">
        <v>2</v>
      </c>
      <c r="I866" s="26">
        <v>0</v>
      </c>
      <c r="J866" s="33"/>
    </row>
    <row r="867" spans="2:10" s="38" customFormat="1" ht="39.75" customHeight="1" x14ac:dyDescent="0.2">
      <c r="B867" s="37"/>
      <c r="C867" s="21" t="s">
        <v>74</v>
      </c>
      <c r="D867" s="22" t="s">
        <v>1066</v>
      </c>
      <c r="E867" s="11">
        <v>142182</v>
      </c>
      <c r="F867" s="22" t="s">
        <v>1166</v>
      </c>
      <c r="G867" s="23" t="s">
        <v>390</v>
      </c>
      <c r="H867" s="29">
        <v>1</v>
      </c>
      <c r="I867" s="26">
        <v>0</v>
      </c>
      <c r="J867" s="33"/>
    </row>
    <row r="868" spans="2:10" s="38" customFormat="1" ht="39.75" customHeight="1" x14ac:dyDescent="0.2">
      <c r="B868" s="37"/>
      <c r="C868" s="21" t="s">
        <v>648</v>
      </c>
      <c r="D868" s="22" t="s">
        <v>1066</v>
      </c>
      <c r="E868" s="11">
        <v>142182</v>
      </c>
      <c r="F868" s="22" t="s">
        <v>1201</v>
      </c>
      <c r="G868" s="45" t="s">
        <v>627</v>
      </c>
      <c r="H868" s="29">
        <v>1</v>
      </c>
      <c r="I868" s="26">
        <v>0</v>
      </c>
      <c r="J868" s="33"/>
    </row>
    <row r="869" spans="2:10" s="38" customFormat="1" ht="39.75" customHeight="1" x14ac:dyDescent="0.2">
      <c r="B869" s="37"/>
      <c r="C869" s="21" t="s">
        <v>650</v>
      </c>
      <c r="D869" s="22" t="s">
        <v>1066</v>
      </c>
      <c r="E869" s="11">
        <v>142182</v>
      </c>
      <c r="F869" s="22" t="s">
        <v>1421</v>
      </c>
      <c r="G869" s="45" t="s">
        <v>627</v>
      </c>
      <c r="H869" s="29">
        <v>1</v>
      </c>
      <c r="I869" s="26">
        <v>0</v>
      </c>
      <c r="J869" s="33"/>
    </row>
    <row r="870" spans="2:10" s="38" customFormat="1" ht="39.75" customHeight="1" x14ac:dyDescent="0.2">
      <c r="B870" s="37"/>
      <c r="C870" s="21" t="s">
        <v>663</v>
      </c>
      <c r="D870" s="22" t="s">
        <v>1066</v>
      </c>
      <c r="E870" s="11">
        <v>142182</v>
      </c>
      <c r="F870" s="22" t="s">
        <v>1422</v>
      </c>
      <c r="G870" s="45" t="s">
        <v>627</v>
      </c>
      <c r="H870" s="29">
        <v>6</v>
      </c>
      <c r="I870" s="26">
        <v>0</v>
      </c>
      <c r="J870" s="57"/>
    </row>
    <row r="871" spans="2:10" s="38" customFormat="1" ht="39.75" customHeight="1" x14ac:dyDescent="0.2">
      <c r="B871" s="37"/>
      <c r="C871" s="21" t="s">
        <v>670</v>
      </c>
      <c r="D871" s="22" t="s">
        <v>1066</v>
      </c>
      <c r="E871" s="11">
        <v>142182</v>
      </c>
      <c r="F871" s="22" t="s">
        <v>1287</v>
      </c>
      <c r="G871" s="45" t="s">
        <v>627</v>
      </c>
      <c r="H871" s="29">
        <v>1</v>
      </c>
      <c r="I871" s="26">
        <v>0</v>
      </c>
      <c r="J871" s="33"/>
    </row>
    <row r="872" spans="2:10" s="38" customFormat="1" ht="39.75" customHeight="1" x14ac:dyDescent="0.2">
      <c r="B872" s="37"/>
      <c r="C872" s="52" t="s">
        <v>635</v>
      </c>
      <c r="D872" s="22" t="s">
        <v>1066</v>
      </c>
      <c r="E872" s="11">
        <v>142182</v>
      </c>
      <c r="F872" s="53" t="s">
        <v>1283</v>
      </c>
      <c r="G872" s="45" t="s">
        <v>634</v>
      </c>
      <c r="H872" s="54">
        <v>1</v>
      </c>
      <c r="I872" s="26">
        <v>0</v>
      </c>
      <c r="J872" s="56"/>
    </row>
    <row r="873" spans="2:10" s="38" customFormat="1" ht="39.75" customHeight="1" x14ac:dyDescent="0.2">
      <c r="B873" s="37"/>
      <c r="C873" s="52" t="s">
        <v>636</v>
      </c>
      <c r="D873" s="22" t="s">
        <v>1066</v>
      </c>
      <c r="E873" s="11">
        <v>142182</v>
      </c>
      <c r="F873" s="53" t="s">
        <v>1283</v>
      </c>
      <c r="G873" s="45" t="s">
        <v>634</v>
      </c>
      <c r="H873" s="29">
        <v>3</v>
      </c>
      <c r="I873" s="26">
        <v>0</v>
      </c>
      <c r="J873" s="33"/>
    </row>
    <row r="874" spans="2:10" s="38" customFormat="1" ht="39.75" customHeight="1" x14ac:dyDescent="0.2">
      <c r="B874" s="37"/>
      <c r="C874" s="52" t="s">
        <v>637</v>
      </c>
      <c r="D874" s="22" t="s">
        <v>1066</v>
      </c>
      <c r="E874" s="11">
        <v>142182</v>
      </c>
      <c r="F874" s="53" t="s">
        <v>1283</v>
      </c>
      <c r="G874" s="45" t="s">
        <v>634</v>
      </c>
      <c r="H874" s="54">
        <v>2</v>
      </c>
      <c r="I874" s="55">
        <v>2</v>
      </c>
      <c r="J874" s="56"/>
    </row>
    <row r="875" spans="2:10" s="38" customFormat="1" ht="39.75" customHeight="1" x14ac:dyDescent="0.2">
      <c r="B875" s="37"/>
      <c r="C875" s="21" t="s">
        <v>629</v>
      </c>
      <c r="D875" s="22" t="s">
        <v>1066</v>
      </c>
      <c r="E875" s="11">
        <v>142182</v>
      </c>
      <c r="F875" s="22" t="s">
        <v>1586</v>
      </c>
      <c r="G875" s="45" t="s">
        <v>627</v>
      </c>
      <c r="H875" s="29">
        <v>2</v>
      </c>
      <c r="I875" s="26">
        <v>2</v>
      </c>
      <c r="J875" s="33" t="s">
        <v>630</v>
      </c>
    </row>
    <row r="876" spans="2:10" s="38" customFormat="1" ht="39.75" customHeight="1" x14ac:dyDescent="0.2">
      <c r="B876" s="37"/>
      <c r="C876" s="21" t="s">
        <v>645</v>
      </c>
      <c r="D876" s="22" t="s">
        <v>1066</v>
      </c>
      <c r="E876" s="11">
        <v>142182</v>
      </c>
      <c r="F876" s="22" t="s">
        <v>1503</v>
      </c>
      <c r="G876" s="45" t="s">
        <v>627</v>
      </c>
      <c r="H876" s="29">
        <v>1</v>
      </c>
      <c r="I876" s="26">
        <v>1</v>
      </c>
      <c r="J876" s="33"/>
    </row>
    <row r="877" spans="2:10" s="38" customFormat="1" ht="39.75" customHeight="1" x14ac:dyDescent="0.2">
      <c r="B877" s="37"/>
      <c r="C877" s="21" t="s">
        <v>665</v>
      </c>
      <c r="D877" s="22" t="s">
        <v>1066</v>
      </c>
      <c r="E877" s="11">
        <v>142182</v>
      </c>
      <c r="F877" s="22" t="s">
        <v>1587</v>
      </c>
      <c r="G877" s="45" t="s">
        <v>627</v>
      </c>
      <c r="H877" s="29">
        <v>2</v>
      </c>
      <c r="I877" s="26">
        <v>0</v>
      </c>
      <c r="J877" s="33"/>
    </row>
    <row r="878" spans="2:10" s="38" customFormat="1" ht="39.75" customHeight="1" x14ac:dyDescent="0.2">
      <c r="B878" s="37"/>
      <c r="C878" s="21" t="s">
        <v>241</v>
      </c>
      <c r="D878" s="22" t="s">
        <v>1066</v>
      </c>
      <c r="E878" s="11">
        <v>142182</v>
      </c>
      <c r="F878" s="22" t="s">
        <v>1167</v>
      </c>
      <c r="G878" s="23" t="s">
        <v>390</v>
      </c>
      <c r="H878" s="29">
        <v>2</v>
      </c>
      <c r="I878" s="26">
        <v>0</v>
      </c>
      <c r="J878" s="33"/>
    </row>
    <row r="879" spans="2:10" s="38" customFormat="1" ht="39.75" customHeight="1" x14ac:dyDescent="0.2">
      <c r="B879" s="37"/>
      <c r="C879" s="21" t="s">
        <v>646</v>
      </c>
      <c r="D879" s="22" t="s">
        <v>1066</v>
      </c>
      <c r="E879" s="11">
        <v>142182</v>
      </c>
      <c r="F879" s="22" t="s">
        <v>1802</v>
      </c>
      <c r="G879" s="45" t="s">
        <v>627</v>
      </c>
      <c r="H879" s="29">
        <v>1</v>
      </c>
      <c r="I879" s="26">
        <v>0</v>
      </c>
      <c r="J879" s="33"/>
    </row>
    <row r="880" spans="2:10" s="38" customFormat="1" ht="39.75" customHeight="1" x14ac:dyDescent="0.2">
      <c r="B880" s="37"/>
      <c r="C880" s="21" t="s">
        <v>664</v>
      </c>
      <c r="D880" s="22" t="s">
        <v>1066</v>
      </c>
      <c r="E880" s="11">
        <v>142182</v>
      </c>
      <c r="F880" s="22" t="s">
        <v>1340</v>
      </c>
      <c r="G880" s="45" t="s">
        <v>627</v>
      </c>
      <c r="H880" s="29">
        <v>2</v>
      </c>
      <c r="I880" s="26">
        <v>0</v>
      </c>
      <c r="J880" s="33"/>
    </row>
    <row r="881" spans="2:10" s="38" customFormat="1" ht="39.75" customHeight="1" x14ac:dyDescent="0.2">
      <c r="B881" s="37"/>
      <c r="C881" s="21" t="s">
        <v>668</v>
      </c>
      <c r="D881" s="22" t="s">
        <v>1066</v>
      </c>
      <c r="E881" s="11">
        <v>142182</v>
      </c>
      <c r="F881" s="22" t="s">
        <v>1803</v>
      </c>
      <c r="G881" s="45" t="s">
        <v>627</v>
      </c>
      <c r="H881" s="29">
        <v>2</v>
      </c>
      <c r="I881" s="26">
        <v>0</v>
      </c>
      <c r="J881" s="33"/>
    </row>
    <row r="882" spans="2:10" s="38" customFormat="1" ht="39.75" customHeight="1" x14ac:dyDescent="0.2">
      <c r="B882" s="37"/>
      <c r="C882" s="21" t="s">
        <v>669</v>
      </c>
      <c r="D882" s="22" t="s">
        <v>1066</v>
      </c>
      <c r="E882" s="11">
        <v>142182</v>
      </c>
      <c r="F882" s="22" t="s">
        <v>1423</v>
      </c>
      <c r="G882" s="45" t="s">
        <v>627</v>
      </c>
      <c r="H882" s="29">
        <v>9</v>
      </c>
      <c r="I882" s="26">
        <v>0</v>
      </c>
      <c r="J882" s="33"/>
    </row>
    <row r="883" spans="2:10" s="38" customFormat="1" ht="39.75" customHeight="1" x14ac:dyDescent="0.2">
      <c r="B883" s="37"/>
      <c r="C883" s="21" t="s">
        <v>666</v>
      </c>
      <c r="D883" s="22" t="s">
        <v>1066</v>
      </c>
      <c r="E883" s="11">
        <v>142182</v>
      </c>
      <c r="F883" s="22" t="s">
        <v>1804</v>
      </c>
      <c r="G883" s="45" t="s">
        <v>627</v>
      </c>
      <c r="H883" s="29">
        <v>1</v>
      </c>
      <c r="I883" s="26">
        <v>0</v>
      </c>
      <c r="J883" s="33"/>
    </row>
    <row r="884" spans="2:10" s="38" customFormat="1" ht="39.75" customHeight="1" x14ac:dyDescent="0.2">
      <c r="B884" s="37"/>
      <c r="C884" s="21" t="s">
        <v>294</v>
      </c>
      <c r="D884" s="22" t="s">
        <v>1067</v>
      </c>
      <c r="E884" s="11">
        <v>143014</v>
      </c>
      <c r="F884" s="22" t="s">
        <v>1341</v>
      </c>
      <c r="G884" s="23" t="s">
        <v>390</v>
      </c>
      <c r="H884" s="29">
        <v>2</v>
      </c>
      <c r="I884" s="26">
        <v>0</v>
      </c>
      <c r="J884" s="33"/>
    </row>
    <row r="885" spans="2:10" s="38" customFormat="1" ht="39.75" customHeight="1" x14ac:dyDescent="0.2">
      <c r="B885" s="37"/>
      <c r="C885" s="21" t="s">
        <v>88</v>
      </c>
      <c r="D885" s="22" t="s">
        <v>1067</v>
      </c>
      <c r="E885" s="11">
        <v>143014</v>
      </c>
      <c r="F885" s="22" t="s">
        <v>1099</v>
      </c>
      <c r="G885" s="23" t="s">
        <v>390</v>
      </c>
      <c r="H885" s="29">
        <v>3</v>
      </c>
      <c r="I885" s="26">
        <v>0</v>
      </c>
      <c r="J885" s="33"/>
    </row>
    <row r="886" spans="2:10" s="38" customFormat="1" ht="39.75" customHeight="1" x14ac:dyDescent="0.2">
      <c r="B886" s="37"/>
      <c r="C886" s="21" t="s">
        <v>78</v>
      </c>
      <c r="D886" s="22" t="s">
        <v>1067</v>
      </c>
      <c r="E886" s="11">
        <v>143014</v>
      </c>
      <c r="F886" s="22" t="s">
        <v>331</v>
      </c>
      <c r="G886" s="23" t="s">
        <v>390</v>
      </c>
      <c r="H886" s="29">
        <v>4</v>
      </c>
      <c r="I886" s="26">
        <v>0</v>
      </c>
      <c r="J886" s="33"/>
    </row>
    <row r="887" spans="2:10" s="38" customFormat="1" ht="39.75" customHeight="1" x14ac:dyDescent="0.2">
      <c r="B887" s="37"/>
      <c r="C887" s="21" t="s">
        <v>677</v>
      </c>
      <c r="D887" s="22" t="s">
        <v>1067</v>
      </c>
      <c r="E887" s="11">
        <v>143014</v>
      </c>
      <c r="F887" s="22" t="s">
        <v>1805</v>
      </c>
      <c r="G887" s="45" t="s">
        <v>671</v>
      </c>
      <c r="H887" s="29">
        <v>1</v>
      </c>
      <c r="I887" s="26">
        <v>0</v>
      </c>
      <c r="J887" s="33"/>
    </row>
    <row r="888" spans="2:10" s="38" customFormat="1" ht="39.75" customHeight="1" x14ac:dyDescent="0.2">
      <c r="B888" s="37"/>
      <c r="C888" s="21" t="s">
        <v>606</v>
      </c>
      <c r="D888" s="22" t="s">
        <v>1067</v>
      </c>
      <c r="E888" s="11">
        <v>143014</v>
      </c>
      <c r="F888" s="22" t="s">
        <v>1708</v>
      </c>
      <c r="G888" s="45" t="s">
        <v>671</v>
      </c>
      <c r="H888" s="29">
        <v>1</v>
      </c>
      <c r="I888" s="26">
        <v>0</v>
      </c>
      <c r="J888" s="33"/>
    </row>
    <row r="889" spans="2:10" s="38" customFormat="1" ht="39.75" customHeight="1" x14ac:dyDescent="0.2">
      <c r="B889" s="37"/>
      <c r="C889" s="21" t="s">
        <v>680</v>
      </c>
      <c r="D889" s="22" t="s">
        <v>1067</v>
      </c>
      <c r="E889" s="11">
        <v>143014</v>
      </c>
      <c r="F889" s="22" t="s">
        <v>1231</v>
      </c>
      <c r="G889" s="45" t="s">
        <v>671</v>
      </c>
      <c r="H889" s="29">
        <v>1</v>
      </c>
      <c r="I889" s="26">
        <v>1</v>
      </c>
      <c r="J889" s="33" t="s">
        <v>681</v>
      </c>
    </row>
    <row r="890" spans="2:10" s="38" customFormat="1" ht="39.75" customHeight="1" x14ac:dyDescent="0.2">
      <c r="B890" s="37"/>
      <c r="C890" s="21" t="s">
        <v>679</v>
      </c>
      <c r="D890" s="22" t="s">
        <v>1067</v>
      </c>
      <c r="E890" s="11">
        <v>143014</v>
      </c>
      <c r="F890" s="22" t="s">
        <v>1424</v>
      </c>
      <c r="G890" s="45" t="s">
        <v>671</v>
      </c>
      <c r="H890" s="29">
        <v>1</v>
      </c>
      <c r="I890" s="26">
        <v>0</v>
      </c>
      <c r="J890" s="33"/>
    </row>
    <row r="891" spans="2:10" s="38" customFormat="1" ht="39.75" customHeight="1" x14ac:dyDescent="0.2">
      <c r="B891" s="37"/>
      <c r="C891" s="21" t="s">
        <v>678</v>
      </c>
      <c r="D891" s="22" t="s">
        <v>1067</v>
      </c>
      <c r="E891" s="11">
        <v>143014</v>
      </c>
      <c r="F891" s="22" t="s">
        <v>1288</v>
      </c>
      <c r="G891" s="45" t="s">
        <v>671</v>
      </c>
      <c r="H891" s="29">
        <v>1</v>
      </c>
      <c r="I891" s="26">
        <v>1</v>
      </c>
      <c r="J891" s="33"/>
    </row>
    <row r="892" spans="2:10" s="38" customFormat="1" ht="39.75" customHeight="1" x14ac:dyDescent="0.2">
      <c r="B892" s="37"/>
      <c r="C892" s="21" t="s">
        <v>260</v>
      </c>
      <c r="D892" s="22" t="s">
        <v>1067</v>
      </c>
      <c r="E892" s="11">
        <v>143014</v>
      </c>
      <c r="F892" s="22" t="s">
        <v>1709</v>
      </c>
      <c r="G892" s="23" t="s">
        <v>390</v>
      </c>
      <c r="H892" s="29">
        <v>2</v>
      </c>
      <c r="I892" s="26">
        <v>1</v>
      </c>
      <c r="J892" s="33"/>
    </row>
    <row r="893" spans="2:10" s="38" customFormat="1" ht="39.75" customHeight="1" x14ac:dyDescent="0.2">
      <c r="B893" s="37"/>
      <c r="C893" s="21" t="s">
        <v>675</v>
      </c>
      <c r="D893" s="22" t="s">
        <v>1067</v>
      </c>
      <c r="E893" s="11">
        <v>143014</v>
      </c>
      <c r="F893" s="22" t="s">
        <v>1425</v>
      </c>
      <c r="G893" s="45" t="s">
        <v>674</v>
      </c>
      <c r="H893" s="29">
        <v>2</v>
      </c>
      <c r="I893" s="26">
        <v>0</v>
      </c>
      <c r="J893" s="33" t="s">
        <v>676</v>
      </c>
    </row>
    <row r="894" spans="2:10" s="38" customFormat="1" ht="39.75" customHeight="1" x14ac:dyDescent="0.2">
      <c r="B894" s="37"/>
      <c r="C894" s="21" t="s">
        <v>672</v>
      </c>
      <c r="D894" s="22" t="s">
        <v>1067</v>
      </c>
      <c r="E894" s="11">
        <v>143014</v>
      </c>
      <c r="F894" s="22" t="s">
        <v>1426</v>
      </c>
      <c r="G894" s="45" t="s">
        <v>671</v>
      </c>
      <c r="H894" s="29">
        <v>1</v>
      </c>
      <c r="I894" s="26">
        <v>1</v>
      </c>
      <c r="J894" s="33" t="s">
        <v>673</v>
      </c>
    </row>
    <row r="895" spans="2:10" s="38" customFormat="1" ht="39.75" customHeight="1" x14ac:dyDescent="0.2">
      <c r="B895" s="37"/>
      <c r="C895" s="21" t="s">
        <v>736</v>
      </c>
      <c r="D895" s="22" t="s">
        <v>1068</v>
      </c>
      <c r="E895" s="11">
        <v>143219</v>
      </c>
      <c r="F895" s="22" t="s">
        <v>1168</v>
      </c>
      <c r="G895" s="45" t="s">
        <v>732</v>
      </c>
      <c r="H895" s="29">
        <v>0</v>
      </c>
      <c r="I895" s="26">
        <v>2</v>
      </c>
      <c r="J895" s="33"/>
    </row>
    <row r="896" spans="2:10" s="38" customFormat="1" ht="39.75" customHeight="1" x14ac:dyDescent="0.2">
      <c r="B896" s="37"/>
      <c r="C896" s="21" t="s">
        <v>733</v>
      </c>
      <c r="D896" s="22" t="s">
        <v>1068</v>
      </c>
      <c r="E896" s="11">
        <v>143219</v>
      </c>
      <c r="F896" s="22" t="s">
        <v>1427</v>
      </c>
      <c r="G896" s="45" t="s">
        <v>732</v>
      </c>
      <c r="H896" s="29">
        <v>2</v>
      </c>
      <c r="I896" s="26">
        <v>0</v>
      </c>
      <c r="J896" s="33"/>
    </row>
    <row r="897" spans="2:10" s="38" customFormat="1" ht="39.75" customHeight="1" x14ac:dyDescent="0.2">
      <c r="B897" s="37"/>
      <c r="C897" s="21" t="s">
        <v>734</v>
      </c>
      <c r="D897" s="22" t="s">
        <v>1068</v>
      </c>
      <c r="E897" s="11">
        <v>143219</v>
      </c>
      <c r="F897" s="22" t="s">
        <v>1504</v>
      </c>
      <c r="G897" s="45" t="s">
        <v>732</v>
      </c>
      <c r="H897" s="29">
        <v>2</v>
      </c>
      <c r="I897" s="26">
        <v>1</v>
      </c>
      <c r="J897" s="33"/>
    </row>
    <row r="898" spans="2:10" s="38" customFormat="1" ht="39.75" customHeight="1" x14ac:dyDescent="0.2">
      <c r="B898" s="37"/>
      <c r="C898" s="21" t="s">
        <v>741</v>
      </c>
      <c r="D898" s="22" t="s">
        <v>1068</v>
      </c>
      <c r="E898" s="11">
        <v>143219</v>
      </c>
      <c r="F898" s="22" t="s">
        <v>1504</v>
      </c>
      <c r="G898" s="45" t="s">
        <v>732</v>
      </c>
      <c r="H898" s="29">
        <v>4</v>
      </c>
      <c r="I898" s="26">
        <v>0</v>
      </c>
      <c r="J898" s="33"/>
    </row>
    <row r="899" spans="2:10" s="38" customFormat="1" ht="39.75" customHeight="1" x14ac:dyDescent="0.2">
      <c r="B899" s="37"/>
      <c r="C899" s="21" t="s">
        <v>739</v>
      </c>
      <c r="D899" s="22" t="s">
        <v>1068</v>
      </c>
      <c r="E899" s="11">
        <v>143219</v>
      </c>
      <c r="F899" s="22" t="s">
        <v>740</v>
      </c>
      <c r="G899" s="45" t="s">
        <v>732</v>
      </c>
      <c r="H899" s="29">
        <v>0</v>
      </c>
      <c r="I899" s="26">
        <v>1</v>
      </c>
      <c r="J899" s="33"/>
    </row>
    <row r="900" spans="2:10" s="38" customFormat="1" ht="39.75" customHeight="1" x14ac:dyDescent="0.2">
      <c r="B900" s="37"/>
      <c r="C900" s="21" t="s">
        <v>742</v>
      </c>
      <c r="D900" s="22" t="s">
        <v>1068</v>
      </c>
      <c r="E900" s="11">
        <v>143219</v>
      </c>
      <c r="F900" s="22" t="s">
        <v>1588</v>
      </c>
      <c r="G900" s="45" t="s">
        <v>732</v>
      </c>
      <c r="H900" s="29">
        <v>8</v>
      </c>
      <c r="I900" s="26">
        <v>0</v>
      </c>
      <c r="J900" s="33"/>
    </row>
    <row r="901" spans="2:10" s="38" customFormat="1" ht="39.75" customHeight="1" x14ac:dyDescent="0.2">
      <c r="B901" s="37"/>
      <c r="C901" s="21" t="s">
        <v>120</v>
      </c>
      <c r="D901" s="22" t="s">
        <v>1068</v>
      </c>
      <c r="E901" s="11">
        <v>143219</v>
      </c>
      <c r="F901" s="22" t="s">
        <v>1342</v>
      </c>
      <c r="G901" s="23" t="s">
        <v>390</v>
      </c>
      <c r="H901" s="29">
        <v>2</v>
      </c>
      <c r="I901" s="26">
        <v>0</v>
      </c>
      <c r="J901" s="33" t="s">
        <v>346</v>
      </c>
    </row>
    <row r="902" spans="2:10" s="38" customFormat="1" ht="39.75" customHeight="1" x14ac:dyDescent="0.2">
      <c r="B902" s="37"/>
      <c r="C902" s="21" t="s">
        <v>122</v>
      </c>
      <c r="D902" s="22" t="s">
        <v>1068</v>
      </c>
      <c r="E902" s="11">
        <v>143219</v>
      </c>
      <c r="F902" s="22" t="s">
        <v>1710</v>
      </c>
      <c r="G902" s="23" t="s">
        <v>390</v>
      </c>
      <c r="H902" s="29">
        <v>0</v>
      </c>
      <c r="I902" s="26">
        <v>1</v>
      </c>
      <c r="J902" s="33"/>
    </row>
    <row r="903" spans="2:10" s="38" customFormat="1" ht="39.75" customHeight="1" x14ac:dyDescent="0.2">
      <c r="B903" s="37"/>
      <c r="C903" s="21" t="s">
        <v>1112</v>
      </c>
      <c r="D903" s="22" t="s">
        <v>1068</v>
      </c>
      <c r="E903" s="11">
        <v>143219</v>
      </c>
      <c r="F903" s="22" t="s">
        <v>1589</v>
      </c>
      <c r="G903" s="23" t="s">
        <v>390</v>
      </c>
      <c r="H903" s="29">
        <v>1</v>
      </c>
      <c r="I903" s="26">
        <v>0</v>
      </c>
      <c r="J903" s="33"/>
    </row>
    <row r="904" spans="2:10" s="38" customFormat="1" ht="39.75" customHeight="1" x14ac:dyDescent="0.2">
      <c r="B904" s="37"/>
      <c r="C904" s="21" t="s">
        <v>118</v>
      </c>
      <c r="D904" s="22" t="s">
        <v>1068</v>
      </c>
      <c r="E904" s="11">
        <v>143219</v>
      </c>
      <c r="F904" s="22" t="s">
        <v>1589</v>
      </c>
      <c r="G904" s="23" t="s">
        <v>390</v>
      </c>
      <c r="H904" s="29">
        <v>1</v>
      </c>
      <c r="I904" s="26">
        <v>0</v>
      </c>
      <c r="J904" s="33"/>
    </row>
    <row r="905" spans="2:10" s="38" customFormat="1" ht="39.75" customHeight="1" x14ac:dyDescent="0.2">
      <c r="B905" s="37"/>
      <c r="C905" s="21" t="s">
        <v>737</v>
      </c>
      <c r="D905" s="22" t="s">
        <v>1068</v>
      </c>
      <c r="E905" s="11">
        <v>143219</v>
      </c>
      <c r="F905" s="22" t="s">
        <v>1806</v>
      </c>
      <c r="G905" s="45" t="s">
        <v>732</v>
      </c>
      <c r="H905" s="29">
        <v>0</v>
      </c>
      <c r="I905" s="26">
        <v>1</v>
      </c>
      <c r="J905" s="33" t="s">
        <v>738</v>
      </c>
    </row>
    <row r="906" spans="2:10" s="38" customFormat="1" ht="39.75" customHeight="1" x14ac:dyDescent="0.2">
      <c r="B906" s="37"/>
      <c r="C906" s="21" t="s">
        <v>242</v>
      </c>
      <c r="D906" s="22" t="s">
        <v>1068</v>
      </c>
      <c r="E906" s="11">
        <v>143219</v>
      </c>
      <c r="F906" s="22" t="s">
        <v>1807</v>
      </c>
      <c r="G906" s="23" t="s">
        <v>390</v>
      </c>
      <c r="H906" s="29">
        <v>2</v>
      </c>
      <c r="I906" s="26">
        <v>0</v>
      </c>
      <c r="J906" s="33"/>
    </row>
    <row r="907" spans="2:10" s="38" customFormat="1" ht="39.75" customHeight="1" x14ac:dyDescent="0.2">
      <c r="B907" s="37"/>
      <c r="C907" s="21" t="s">
        <v>735</v>
      </c>
      <c r="D907" s="22" t="s">
        <v>1068</v>
      </c>
      <c r="E907" s="11">
        <v>143219</v>
      </c>
      <c r="F907" s="22" t="s">
        <v>1343</v>
      </c>
      <c r="G907" s="45" t="s">
        <v>732</v>
      </c>
      <c r="H907" s="29">
        <v>1</v>
      </c>
      <c r="I907" s="26">
        <v>0</v>
      </c>
      <c r="J907" s="33"/>
    </row>
    <row r="908" spans="2:10" s="38" customFormat="1" ht="39.75" customHeight="1" x14ac:dyDescent="0.2">
      <c r="B908" s="37"/>
      <c r="C908" s="21" t="s">
        <v>80</v>
      </c>
      <c r="D908" s="22" t="s">
        <v>1069</v>
      </c>
      <c r="E908" s="11">
        <v>143413</v>
      </c>
      <c r="F908" s="22" t="s">
        <v>332</v>
      </c>
      <c r="G908" s="23" t="s">
        <v>390</v>
      </c>
      <c r="H908" s="29">
        <v>7</v>
      </c>
      <c r="I908" s="26">
        <v>0</v>
      </c>
      <c r="J908" s="33"/>
    </row>
    <row r="909" spans="2:10" s="38" customFormat="1" ht="39.75" customHeight="1" x14ac:dyDescent="0.2">
      <c r="B909" s="37"/>
      <c r="C909" s="21" t="s">
        <v>301</v>
      </c>
      <c r="D909" s="22" t="s">
        <v>1069</v>
      </c>
      <c r="E909" s="11">
        <v>143413</v>
      </c>
      <c r="F909" s="22" t="s">
        <v>1590</v>
      </c>
      <c r="G909" s="23" t="s">
        <v>390</v>
      </c>
      <c r="H909" s="29">
        <v>1</v>
      </c>
      <c r="I909" s="26">
        <v>1</v>
      </c>
      <c r="J909" s="33"/>
    </row>
    <row r="910" spans="2:10" s="38" customFormat="1" ht="39.75" customHeight="1" x14ac:dyDescent="0.2">
      <c r="B910" s="37"/>
      <c r="C910" s="21" t="s">
        <v>90</v>
      </c>
      <c r="D910" s="22" t="s">
        <v>1069</v>
      </c>
      <c r="E910" s="11">
        <v>143413</v>
      </c>
      <c r="F910" s="22" t="s">
        <v>1097</v>
      </c>
      <c r="G910" s="23" t="s">
        <v>390</v>
      </c>
      <c r="H910" s="29">
        <v>5</v>
      </c>
      <c r="I910" s="26">
        <v>2</v>
      </c>
      <c r="J910" s="33"/>
    </row>
    <row r="911" spans="2:10" s="38" customFormat="1" ht="39.75" customHeight="1" x14ac:dyDescent="0.2">
      <c r="B911" s="37"/>
      <c r="C911" s="21" t="s">
        <v>50</v>
      </c>
      <c r="D911" s="22" t="s">
        <v>1069</v>
      </c>
      <c r="E911" s="11">
        <v>143413</v>
      </c>
      <c r="F911" s="22" t="s">
        <v>1096</v>
      </c>
      <c r="G911" s="23" t="s">
        <v>390</v>
      </c>
      <c r="H911" s="29">
        <v>3</v>
      </c>
      <c r="I911" s="26">
        <v>2</v>
      </c>
      <c r="J911" s="33"/>
    </row>
    <row r="912" spans="2:10" s="38" customFormat="1" ht="39.75" customHeight="1" x14ac:dyDescent="0.2">
      <c r="B912" s="37"/>
      <c r="C912" s="21" t="s">
        <v>243</v>
      </c>
      <c r="D912" s="22" t="s">
        <v>1069</v>
      </c>
      <c r="E912" s="11">
        <v>143413</v>
      </c>
      <c r="F912" s="22" t="s">
        <v>1808</v>
      </c>
      <c r="G912" s="23" t="s">
        <v>390</v>
      </c>
      <c r="H912" s="29">
        <v>2</v>
      </c>
      <c r="I912" s="26">
        <v>0</v>
      </c>
      <c r="J912" s="33"/>
    </row>
    <row r="913" spans="2:10" s="38" customFormat="1" ht="39.75" customHeight="1" x14ac:dyDescent="0.2">
      <c r="B913" s="37"/>
      <c r="C913" s="21" t="s">
        <v>114</v>
      </c>
      <c r="D913" s="22" t="s">
        <v>1070</v>
      </c>
      <c r="E913" s="11">
        <v>143421</v>
      </c>
      <c r="F913" s="22" t="s">
        <v>1428</v>
      </c>
      <c r="G913" s="23" t="s">
        <v>390</v>
      </c>
      <c r="H913" s="29">
        <v>1</v>
      </c>
      <c r="I913" s="26">
        <v>0</v>
      </c>
      <c r="J913" s="33"/>
    </row>
    <row r="914" spans="2:10" s="38" customFormat="1" ht="39.75" customHeight="1" x14ac:dyDescent="0.2">
      <c r="B914" s="37"/>
      <c r="C914" s="21" t="s">
        <v>244</v>
      </c>
      <c r="D914" s="22" t="s">
        <v>1070</v>
      </c>
      <c r="E914" s="11">
        <v>143421</v>
      </c>
      <c r="F914" s="22" t="s">
        <v>1098</v>
      </c>
      <c r="G914" s="23" t="s">
        <v>390</v>
      </c>
      <c r="H914" s="29">
        <v>1</v>
      </c>
      <c r="I914" s="26">
        <v>0</v>
      </c>
      <c r="J914" s="33"/>
    </row>
    <row r="915" spans="2:10" s="38" customFormat="1" ht="39.75" customHeight="1" x14ac:dyDescent="0.2">
      <c r="B915" s="37"/>
      <c r="C915" s="21" t="s">
        <v>54</v>
      </c>
      <c r="D915" s="22" t="s">
        <v>1071</v>
      </c>
      <c r="E915" s="11">
        <v>143618</v>
      </c>
      <c r="F915" s="22" t="s">
        <v>1711</v>
      </c>
      <c r="G915" s="23" t="s">
        <v>390</v>
      </c>
      <c r="H915" s="29">
        <v>1</v>
      </c>
      <c r="I915" s="26">
        <v>0</v>
      </c>
      <c r="J915" s="33"/>
    </row>
    <row r="916" spans="2:10" s="38" customFormat="1" ht="39.75" customHeight="1" x14ac:dyDescent="0.2">
      <c r="B916" s="37"/>
      <c r="C916" s="21" t="s">
        <v>684</v>
      </c>
      <c r="D916" s="22" t="s">
        <v>1072</v>
      </c>
      <c r="E916" s="11">
        <v>143626</v>
      </c>
      <c r="F916" s="22" t="s">
        <v>1101</v>
      </c>
      <c r="G916" s="45" t="s">
        <v>682</v>
      </c>
      <c r="H916" s="29">
        <v>2</v>
      </c>
      <c r="I916" s="26">
        <v>0</v>
      </c>
      <c r="J916" s="33"/>
    </row>
    <row r="917" spans="2:10" s="38" customFormat="1" ht="39.75" customHeight="1" x14ac:dyDescent="0.2">
      <c r="B917" s="37"/>
      <c r="C917" s="21" t="s">
        <v>692</v>
      </c>
      <c r="D917" s="22" t="s">
        <v>1072</v>
      </c>
      <c r="E917" s="11">
        <v>143626</v>
      </c>
      <c r="F917" s="22" t="s">
        <v>1809</v>
      </c>
      <c r="G917" s="45" t="s">
        <v>682</v>
      </c>
      <c r="H917" s="29">
        <v>3</v>
      </c>
      <c r="I917" s="26">
        <v>0</v>
      </c>
      <c r="J917" s="33"/>
    </row>
    <row r="918" spans="2:10" s="38" customFormat="1" ht="39.75" customHeight="1" x14ac:dyDescent="0.2">
      <c r="B918" s="37"/>
      <c r="C918" s="21" t="s">
        <v>687</v>
      </c>
      <c r="D918" s="22" t="s">
        <v>1072</v>
      </c>
      <c r="E918" s="11">
        <v>143626</v>
      </c>
      <c r="F918" s="22" t="s">
        <v>1810</v>
      </c>
      <c r="G918" s="45" t="s">
        <v>682</v>
      </c>
      <c r="H918" s="29">
        <v>2</v>
      </c>
      <c r="I918" s="26">
        <v>0</v>
      </c>
      <c r="J918" s="33" t="s">
        <v>688</v>
      </c>
    </row>
    <row r="919" spans="2:10" s="38" customFormat="1" ht="39.75" customHeight="1" x14ac:dyDescent="0.2">
      <c r="B919" s="37"/>
      <c r="C919" s="21" t="s">
        <v>683</v>
      </c>
      <c r="D919" s="22" t="s">
        <v>1072</v>
      </c>
      <c r="E919" s="11">
        <v>143626</v>
      </c>
      <c r="F919" s="22" t="s">
        <v>1811</v>
      </c>
      <c r="G919" s="45" t="s">
        <v>682</v>
      </c>
      <c r="H919" s="29">
        <v>3</v>
      </c>
      <c r="I919" s="26">
        <v>0</v>
      </c>
      <c r="J919" s="33"/>
    </row>
    <row r="920" spans="2:10" s="38" customFormat="1" ht="39.75" customHeight="1" x14ac:dyDescent="0.2">
      <c r="B920" s="37"/>
      <c r="C920" s="21" t="s">
        <v>685</v>
      </c>
      <c r="D920" s="22" t="s">
        <v>1072</v>
      </c>
      <c r="E920" s="11">
        <v>143626</v>
      </c>
      <c r="F920" s="22" t="s">
        <v>1811</v>
      </c>
      <c r="G920" s="45" t="s">
        <v>682</v>
      </c>
      <c r="H920" s="29">
        <v>4</v>
      </c>
      <c r="I920" s="26">
        <v>0</v>
      </c>
      <c r="J920" s="33" t="s">
        <v>686</v>
      </c>
    </row>
    <row r="921" spans="2:10" s="38" customFormat="1" ht="39.75" customHeight="1" x14ac:dyDescent="0.2">
      <c r="B921" s="37"/>
      <c r="C921" s="21" t="s">
        <v>691</v>
      </c>
      <c r="D921" s="22" t="s">
        <v>1072</v>
      </c>
      <c r="E921" s="11">
        <v>143626</v>
      </c>
      <c r="F921" s="22" t="s">
        <v>1232</v>
      </c>
      <c r="G921" s="45" t="s">
        <v>682</v>
      </c>
      <c r="H921" s="29">
        <v>1</v>
      </c>
      <c r="I921" s="26">
        <v>1</v>
      </c>
      <c r="J921" s="33" t="s">
        <v>690</v>
      </c>
    </row>
    <row r="922" spans="2:10" s="38" customFormat="1" ht="39.75" customHeight="1" x14ac:dyDescent="0.2">
      <c r="B922" s="37"/>
      <c r="C922" s="21" t="s">
        <v>689</v>
      </c>
      <c r="D922" s="22" t="s">
        <v>1072</v>
      </c>
      <c r="E922" s="11">
        <v>143626</v>
      </c>
      <c r="F922" s="22" t="s">
        <v>1429</v>
      </c>
      <c r="G922" s="45" t="s">
        <v>682</v>
      </c>
      <c r="H922" s="29">
        <v>1</v>
      </c>
      <c r="I922" s="26">
        <v>1</v>
      </c>
      <c r="J922" s="33" t="s">
        <v>690</v>
      </c>
    </row>
    <row r="923" spans="2:10" s="38" customFormat="1" ht="39.75" customHeight="1" x14ac:dyDescent="0.2">
      <c r="B923" s="37"/>
      <c r="C923" s="21" t="s">
        <v>245</v>
      </c>
      <c r="D923" s="22" t="s">
        <v>1072</v>
      </c>
      <c r="E923" s="11">
        <v>143626</v>
      </c>
      <c r="F923" s="22" t="s">
        <v>1812</v>
      </c>
      <c r="G923" s="23" t="s">
        <v>390</v>
      </c>
      <c r="H923" s="29">
        <v>2</v>
      </c>
      <c r="I923" s="26">
        <v>0</v>
      </c>
      <c r="J923" s="33"/>
    </row>
    <row r="924" spans="2:10" s="38" customFormat="1" ht="39.75" customHeight="1" x14ac:dyDescent="0.2">
      <c r="B924" s="37"/>
      <c r="C924" s="21" t="s">
        <v>303</v>
      </c>
      <c r="D924" s="22" t="s">
        <v>1073</v>
      </c>
      <c r="E924" s="11">
        <v>143634</v>
      </c>
      <c r="F924" s="22" t="s">
        <v>1591</v>
      </c>
      <c r="G924" s="23" t="s">
        <v>390</v>
      </c>
      <c r="H924" s="29">
        <v>1</v>
      </c>
      <c r="I924" s="62">
        <v>0</v>
      </c>
      <c r="J924" s="33"/>
    </row>
    <row r="925" spans="2:10" s="38" customFormat="1" ht="39.75" customHeight="1" x14ac:dyDescent="0.2">
      <c r="B925" s="37"/>
      <c r="C925" s="21" t="s">
        <v>125</v>
      </c>
      <c r="D925" s="22" t="s">
        <v>1074</v>
      </c>
      <c r="E925" s="11">
        <v>143642</v>
      </c>
      <c r="F925" s="22" t="s">
        <v>1592</v>
      </c>
      <c r="G925" s="23" t="s">
        <v>390</v>
      </c>
      <c r="H925" s="29">
        <v>1</v>
      </c>
      <c r="I925" s="26">
        <v>0</v>
      </c>
      <c r="J925" s="33"/>
    </row>
    <row r="926" spans="2:10" s="38" customFormat="1" ht="39.75" customHeight="1" x14ac:dyDescent="0.2">
      <c r="B926" s="37"/>
      <c r="C926" s="21" t="s">
        <v>725</v>
      </c>
      <c r="D926" s="22" t="s">
        <v>1074</v>
      </c>
      <c r="E926" s="11">
        <v>143642</v>
      </c>
      <c r="F926" s="22" t="s">
        <v>726</v>
      </c>
      <c r="G926" s="45" t="s">
        <v>718</v>
      </c>
      <c r="H926" s="29">
        <v>1</v>
      </c>
      <c r="I926" s="26">
        <v>0</v>
      </c>
      <c r="J926" s="33"/>
    </row>
    <row r="927" spans="2:10" s="38" customFormat="1" ht="39.75" customHeight="1" x14ac:dyDescent="0.2">
      <c r="B927" s="37"/>
      <c r="C927" s="21" t="s">
        <v>729</v>
      </c>
      <c r="D927" s="22" t="s">
        <v>1074</v>
      </c>
      <c r="E927" s="11">
        <v>143642</v>
      </c>
      <c r="F927" s="22" t="s">
        <v>1593</v>
      </c>
      <c r="G927" s="45" t="s">
        <v>718</v>
      </c>
      <c r="H927" s="29">
        <v>1</v>
      </c>
      <c r="I927" s="26">
        <v>0</v>
      </c>
      <c r="J927" s="33"/>
    </row>
    <row r="928" spans="2:10" s="38" customFormat="1" ht="39.75" customHeight="1" x14ac:dyDescent="0.2">
      <c r="B928" s="37"/>
      <c r="C928" s="21" t="s">
        <v>722</v>
      </c>
      <c r="D928" s="22" t="s">
        <v>1074</v>
      </c>
      <c r="E928" s="11">
        <v>143642</v>
      </c>
      <c r="F928" s="22" t="s">
        <v>1712</v>
      </c>
      <c r="G928" s="45" t="s">
        <v>718</v>
      </c>
      <c r="H928" s="29">
        <v>1</v>
      </c>
      <c r="I928" s="26">
        <v>0</v>
      </c>
      <c r="J928" s="33"/>
    </row>
    <row r="929" spans="2:10" s="38" customFormat="1" ht="39.75" customHeight="1" x14ac:dyDescent="0.2">
      <c r="B929" s="37"/>
      <c r="C929" s="21" t="s">
        <v>720</v>
      </c>
      <c r="D929" s="22" t="s">
        <v>1074</v>
      </c>
      <c r="E929" s="11">
        <v>143642</v>
      </c>
      <c r="F929" s="22" t="s">
        <v>1713</v>
      </c>
      <c r="G929" s="45" t="s">
        <v>718</v>
      </c>
      <c r="H929" s="29">
        <v>2</v>
      </c>
      <c r="I929" s="26">
        <v>0</v>
      </c>
      <c r="J929" s="33"/>
    </row>
    <row r="930" spans="2:10" s="38" customFormat="1" ht="39.75" customHeight="1" x14ac:dyDescent="0.2">
      <c r="B930" s="37"/>
      <c r="C930" s="21" t="s">
        <v>724</v>
      </c>
      <c r="D930" s="22" t="s">
        <v>1074</v>
      </c>
      <c r="E930" s="11">
        <v>143642</v>
      </c>
      <c r="F930" s="22" t="s">
        <v>1813</v>
      </c>
      <c r="G930" s="45" t="s">
        <v>718</v>
      </c>
      <c r="H930" s="29">
        <v>1</v>
      </c>
      <c r="I930" s="26">
        <v>0</v>
      </c>
      <c r="J930" s="33"/>
    </row>
    <row r="931" spans="2:10" s="38" customFormat="1" ht="39.75" customHeight="1" x14ac:dyDescent="0.2">
      <c r="B931" s="37"/>
      <c r="C931" s="21" t="s">
        <v>723</v>
      </c>
      <c r="D931" s="22" t="s">
        <v>1074</v>
      </c>
      <c r="E931" s="11">
        <v>143642</v>
      </c>
      <c r="F931" s="22" t="s">
        <v>1814</v>
      </c>
      <c r="G931" s="45" t="s">
        <v>718</v>
      </c>
      <c r="H931" s="29">
        <v>1</v>
      </c>
      <c r="I931" s="26">
        <v>0</v>
      </c>
      <c r="J931" s="33"/>
    </row>
    <row r="932" spans="2:10" s="38" customFormat="1" ht="39.75" customHeight="1" x14ac:dyDescent="0.2">
      <c r="B932" s="37"/>
      <c r="C932" s="21" t="s">
        <v>721</v>
      </c>
      <c r="D932" s="22" t="s">
        <v>1074</v>
      </c>
      <c r="E932" s="11">
        <v>143642</v>
      </c>
      <c r="F932" s="22" t="s">
        <v>1815</v>
      </c>
      <c r="G932" s="45" t="s">
        <v>718</v>
      </c>
      <c r="H932" s="29">
        <v>1</v>
      </c>
      <c r="I932" s="26">
        <v>0</v>
      </c>
      <c r="J932" s="33"/>
    </row>
    <row r="933" spans="2:10" s="38" customFormat="1" ht="39.75" customHeight="1" x14ac:dyDescent="0.2">
      <c r="B933" s="37"/>
      <c r="C933" s="21" t="s">
        <v>96</v>
      </c>
      <c r="D933" s="22" t="s">
        <v>1074</v>
      </c>
      <c r="E933" s="11">
        <v>143642</v>
      </c>
      <c r="F933" s="22" t="s">
        <v>1094</v>
      </c>
      <c r="G933" s="23" t="s">
        <v>390</v>
      </c>
      <c r="H933" s="29">
        <v>3</v>
      </c>
      <c r="I933" s="26">
        <v>0</v>
      </c>
      <c r="J933" s="33"/>
    </row>
    <row r="934" spans="2:10" s="38" customFormat="1" ht="39.75" customHeight="1" x14ac:dyDescent="0.2">
      <c r="B934" s="37"/>
      <c r="C934" s="21" t="s">
        <v>728</v>
      </c>
      <c r="D934" s="22" t="s">
        <v>1074</v>
      </c>
      <c r="E934" s="11">
        <v>143642</v>
      </c>
      <c r="F934" s="22" t="s">
        <v>1714</v>
      </c>
      <c r="G934" s="45" t="s">
        <v>718</v>
      </c>
      <c r="H934" s="29">
        <v>1</v>
      </c>
      <c r="I934" s="26">
        <v>0</v>
      </c>
      <c r="J934" s="33"/>
    </row>
    <row r="935" spans="2:10" s="38" customFormat="1" ht="39.75" customHeight="1" x14ac:dyDescent="0.2">
      <c r="B935" s="37"/>
      <c r="C935" s="21" t="s">
        <v>719</v>
      </c>
      <c r="D935" s="22" t="s">
        <v>1074</v>
      </c>
      <c r="E935" s="11">
        <v>143642</v>
      </c>
      <c r="F935" s="22" t="s">
        <v>1344</v>
      </c>
      <c r="G935" s="45" t="s">
        <v>718</v>
      </c>
      <c r="H935" s="29">
        <v>4</v>
      </c>
      <c r="I935" s="26">
        <v>0</v>
      </c>
      <c r="J935" s="33"/>
    </row>
    <row r="936" spans="2:10" s="38" customFormat="1" ht="39.75" customHeight="1" x14ac:dyDescent="0.2">
      <c r="B936" s="37"/>
      <c r="C936" s="21" t="s">
        <v>730</v>
      </c>
      <c r="D936" s="22" t="s">
        <v>1074</v>
      </c>
      <c r="E936" s="11">
        <v>143642</v>
      </c>
      <c r="F936" s="22" t="s">
        <v>731</v>
      </c>
      <c r="G936" s="45" t="s">
        <v>718</v>
      </c>
      <c r="H936" s="29">
        <v>2</v>
      </c>
      <c r="I936" s="26">
        <v>0</v>
      </c>
      <c r="J936" s="33"/>
    </row>
    <row r="937" spans="2:10" s="38" customFormat="1" ht="39.75" customHeight="1" x14ac:dyDescent="0.2">
      <c r="B937" s="37"/>
      <c r="C937" s="21" t="s">
        <v>727</v>
      </c>
      <c r="D937" s="22" t="s">
        <v>1074</v>
      </c>
      <c r="E937" s="11">
        <v>143642</v>
      </c>
      <c r="F937" s="22" t="s">
        <v>1345</v>
      </c>
      <c r="G937" s="45" t="s">
        <v>718</v>
      </c>
      <c r="H937" s="29">
        <v>1</v>
      </c>
      <c r="I937" s="26">
        <v>0</v>
      </c>
      <c r="J937" s="33"/>
    </row>
    <row r="938" spans="2:10" s="38" customFormat="1" ht="39.75" customHeight="1" x14ac:dyDescent="0.2">
      <c r="B938" s="37"/>
      <c r="C938" s="21" t="s">
        <v>37</v>
      </c>
      <c r="D938" s="22" t="s">
        <v>1074</v>
      </c>
      <c r="E938" s="11">
        <v>143642</v>
      </c>
      <c r="F938" s="22" t="s">
        <v>1092</v>
      </c>
      <c r="G938" s="23" t="s">
        <v>390</v>
      </c>
      <c r="H938" s="29">
        <v>1</v>
      </c>
      <c r="I938" s="26">
        <v>0</v>
      </c>
      <c r="J938" s="33"/>
    </row>
    <row r="939" spans="2:10" s="38" customFormat="1" ht="39.75" customHeight="1" x14ac:dyDescent="0.2">
      <c r="B939" s="37"/>
      <c r="C939" s="21" t="s">
        <v>246</v>
      </c>
      <c r="D939" s="22" t="s">
        <v>1074</v>
      </c>
      <c r="E939" s="11">
        <v>143642</v>
      </c>
      <c r="F939" s="22" t="s">
        <v>1594</v>
      </c>
      <c r="G939" s="23" t="s">
        <v>390</v>
      </c>
      <c r="H939" s="29">
        <v>2</v>
      </c>
      <c r="I939" s="26">
        <v>0</v>
      </c>
      <c r="J939" s="33"/>
    </row>
    <row r="940" spans="2:10" s="38" customFormat="1" ht="39.75" customHeight="1" x14ac:dyDescent="0.2">
      <c r="B940" s="37"/>
      <c r="C940" s="21" t="s">
        <v>81</v>
      </c>
      <c r="D940" s="22" t="s">
        <v>1074</v>
      </c>
      <c r="E940" s="11">
        <v>143642</v>
      </c>
      <c r="F940" s="22" t="s">
        <v>1715</v>
      </c>
      <c r="G940" s="23" t="s">
        <v>390</v>
      </c>
      <c r="H940" s="29">
        <v>1</v>
      </c>
      <c r="I940" s="26">
        <v>0</v>
      </c>
      <c r="J940" s="33"/>
    </row>
    <row r="941" spans="2:10" s="38" customFormat="1" ht="39.75" customHeight="1" x14ac:dyDescent="0.2">
      <c r="B941" s="37"/>
      <c r="C941" s="21" t="s">
        <v>75</v>
      </c>
      <c r="D941" s="22" t="s">
        <v>1075</v>
      </c>
      <c r="E941" s="11">
        <v>143669</v>
      </c>
      <c r="F941" s="22" t="s">
        <v>1093</v>
      </c>
      <c r="G941" s="23" t="s">
        <v>390</v>
      </c>
      <c r="H941" s="29">
        <v>3</v>
      </c>
      <c r="I941" s="26">
        <v>2</v>
      </c>
      <c r="J941" s="33"/>
    </row>
    <row r="942" spans="2:10" s="38" customFormat="1" ht="39.75" customHeight="1" x14ac:dyDescent="0.2">
      <c r="B942" s="37"/>
      <c r="C942" s="21" t="s">
        <v>247</v>
      </c>
      <c r="D942" s="22" t="s">
        <v>1075</v>
      </c>
      <c r="E942" s="11">
        <v>143669</v>
      </c>
      <c r="F942" s="22" t="s">
        <v>1716</v>
      </c>
      <c r="G942" s="23" t="s">
        <v>390</v>
      </c>
      <c r="H942" s="29">
        <v>2</v>
      </c>
      <c r="I942" s="26">
        <v>0</v>
      </c>
      <c r="J942" s="33"/>
    </row>
    <row r="943" spans="2:10" s="38" customFormat="1" ht="39.75" customHeight="1" x14ac:dyDescent="0.2">
      <c r="B943" s="37"/>
      <c r="C943" s="21" t="s">
        <v>848</v>
      </c>
      <c r="D943" s="22" t="s">
        <v>1076</v>
      </c>
      <c r="E943" s="11">
        <v>143821</v>
      </c>
      <c r="F943" s="22" t="s">
        <v>1430</v>
      </c>
      <c r="G943" s="45" t="s">
        <v>845</v>
      </c>
      <c r="H943" s="29">
        <v>2</v>
      </c>
      <c r="I943" s="26">
        <v>0</v>
      </c>
      <c r="J943" s="33"/>
    </row>
    <row r="944" spans="2:10" s="38" customFormat="1" ht="39.75" customHeight="1" x14ac:dyDescent="0.2">
      <c r="B944" s="37"/>
      <c r="C944" s="21" t="s">
        <v>850</v>
      </c>
      <c r="D944" s="22" t="s">
        <v>1076</v>
      </c>
      <c r="E944" s="11">
        <v>143821</v>
      </c>
      <c r="F944" s="22" t="s">
        <v>1717</v>
      </c>
      <c r="G944" s="45" t="s">
        <v>845</v>
      </c>
      <c r="H944" s="29">
        <v>3</v>
      </c>
      <c r="I944" s="26">
        <v>0</v>
      </c>
      <c r="J944" s="33"/>
    </row>
    <row r="945" spans="2:10" s="38" customFormat="1" ht="39.75" customHeight="1" x14ac:dyDescent="0.2">
      <c r="B945" s="37"/>
      <c r="C945" s="21" t="s">
        <v>847</v>
      </c>
      <c r="D945" s="22" t="s">
        <v>1076</v>
      </c>
      <c r="E945" s="11">
        <v>143821</v>
      </c>
      <c r="F945" s="22" t="s">
        <v>1718</v>
      </c>
      <c r="G945" s="45" t="s">
        <v>845</v>
      </c>
      <c r="H945" s="29">
        <v>2</v>
      </c>
      <c r="I945" s="26">
        <v>0</v>
      </c>
      <c r="J945" s="33"/>
    </row>
    <row r="946" spans="2:10" s="38" customFormat="1" ht="39.75" customHeight="1" x14ac:dyDescent="0.2">
      <c r="B946" s="37"/>
      <c r="C946" s="21" t="s">
        <v>849</v>
      </c>
      <c r="D946" s="22" t="s">
        <v>1076</v>
      </c>
      <c r="E946" s="11">
        <v>143821</v>
      </c>
      <c r="F946" s="22" t="s">
        <v>1202</v>
      </c>
      <c r="G946" s="45" t="s">
        <v>845</v>
      </c>
      <c r="H946" s="29">
        <v>4</v>
      </c>
      <c r="I946" s="26">
        <v>0</v>
      </c>
      <c r="J946" s="33"/>
    </row>
    <row r="947" spans="2:10" s="38" customFormat="1" ht="39.75" customHeight="1" x14ac:dyDescent="0.2">
      <c r="B947" s="37"/>
      <c r="C947" s="21" t="s">
        <v>115</v>
      </c>
      <c r="D947" s="22" t="s">
        <v>1076</v>
      </c>
      <c r="E947" s="11">
        <v>143821</v>
      </c>
      <c r="F947" s="22" t="s">
        <v>1505</v>
      </c>
      <c r="G947" s="23" t="s">
        <v>390</v>
      </c>
      <c r="H947" s="29">
        <v>0</v>
      </c>
      <c r="I947" s="26">
        <v>1</v>
      </c>
      <c r="J947" s="33"/>
    </row>
    <row r="948" spans="2:10" s="38" customFormat="1" ht="39.75" customHeight="1" x14ac:dyDescent="0.2">
      <c r="B948" s="37"/>
      <c r="C948" s="21" t="s">
        <v>851</v>
      </c>
      <c r="D948" s="22" t="s">
        <v>1076</v>
      </c>
      <c r="E948" s="11">
        <v>143821</v>
      </c>
      <c r="F948" s="22" t="s">
        <v>1719</v>
      </c>
      <c r="G948" s="45" t="s">
        <v>845</v>
      </c>
      <c r="H948" s="29">
        <v>3</v>
      </c>
      <c r="I948" s="26">
        <v>0</v>
      </c>
      <c r="J948" s="33"/>
    </row>
    <row r="949" spans="2:10" s="38" customFormat="1" ht="39.75" customHeight="1" x14ac:dyDescent="0.2">
      <c r="B949" s="37"/>
      <c r="C949" s="21" t="s">
        <v>852</v>
      </c>
      <c r="D949" s="22" t="s">
        <v>1076</v>
      </c>
      <c r="E949" s="11">
        <v>143821</v>
      </c>
      <c r="F949" s="22" t="s">
        <v>1595</v>
      </c>
      <c r="G949" s="45" t="s">
        <v>845</v>
      </c>
      <c r="H949" s="29">
        <v>1</v>
      </c>
      <c r="I949" s="26">
        <v>0</v>
      </c>
      <c r="J949" s="33"/>
    </row>
    <row r="950" spans="2:10" s="38" customFormat="1" ht="39.75" customHeight="1" x14ac:dyDescent="0.2">
      <c r="B950" s="37"/>
      <c r="C950" s="21" t="s">
        <v>854</v>
      </c>
      <c r="D950" s="22" t="s">
        <v>1076</v>
      </c>
      <c r="E950" s="11">
        <v>143821</v>
      </c>
      <c r="F950" s="22" t="s">
        <v>1506</v>
      </c>
      <c r="G950" s="45" t="s">
        <v>845</v>
      </c>
      <c r="H950" s="29">
        <v>2</v>
      </c>
      <c r="I950" s="26">
        <v>0</v>
      </c>
      <c r="J950" s="33"/>
    </row>
    <row r="951" spans="2:10" s="38" customFormat="1" ht="39.75" customHeight="1" x14ac:dyDescent="0.2">
      <c r="B951" s="37"/>
      <c r="C951" s="21" t="s">
        <v>85</v>
      </c>
      <c r="D951" s="22" t="s">
        <v>1076</v>
      </c>
      <c r="E951" s="11">
        <v>143821</v>
      </c>
      <c r="F951" s="22" t="s">
        <v>1507</v>
      </c>
      <c r="G951" s="23" t="s">
        <v>390</v>
      </c>
      <c r="H951" s="29">
        <v>1</v>
      </c>
      <c r="I951" s="26">
        <v>0</v>
      </c>
      <c r="J951" s="33"/>
    </row>
    <row r="952" spans="2:10" s="38" customFormat="1" ht="39.75" customHeight="1" x14ac:dyDescent="0.2">
      <c r="B952" s="37"/>
      <c r="C952" s="21" t="s">
        <v>97</v>
      </c>
      <c r="D952" s="22" t="s">
        <v>1076</v>
      </c>
      <c r="E952" s="11">
        <v>143821</v>
      </c>
      <c r="F952" s="22" t="s">
        <v>1095</v>
      </c>
      <c r="G952" s="23" t="s">
        <v>390</v>
      </c>
      <c r="H952" s="29">
        <v>3</v>
      </c>
      <c r="I952" s="26">
        <v>0</v>
      </c>
      <c r="J952" s="33"/>
    </row>
    <row r="953" spans="2:10" s="38" customFormat="1" ht="39.75" customHeight="1" x14ac:dyDescent="0.2">
      <c r="B953" s="37"/>
      <c r="C953" s="21" t="s">
        <v>846</v>
      </c>
      <c r="D953" s="22" t="s">
        <v>1076</v>
      </c>
      <c r="E953" s="11">
        <v>143821</v>
      </c>
      <c r="F953" s="22" t="s">
        <v>1508</v>
      </c>
      <c r="G953" s="45" t="s">
        <v>845</v>
      </c>
      <c r="H953" s="29">
        <v>2</v>
      </c>
      <c r="I953" s="26">
        <v>0</v>
      </c>
      <c r="J953" s="33"/>
    </row>
    <row r="954" spans="2:10" s="38" customFormat="1" ht="39.75" customHeight="1" x14ac:dyDescent="0.2">
      <c r="B954" s="37"/>
      <c r="C954" s="21" t="s">
        <v>853</v>
      </c>
      <c r="D954" s="22" t="s">
        <v>1076</v>
      </c>
      <c r="E954" s="11">
        <v>143821</v>
      </c>
      <c r="F954" s="22" t="s">
        <v>1509</v>
      </c>
      <c r="G954" s="45" t="s">
        <v>845</v>
      </c>
      <c r="H954" s="29">
        <v>1</v>
      </c>
      <c r="I954" s="26">
        <v>0</v>
      </c>
      <c r="J954" s="33"/>
    </row>
    <row r="955" spans="2:10" s="38" customFormat="1" ht="39.75" customHeight="1" x14ac:dyDescent="0.2">
      <c r="B955" s="37"/>
      <c r="C955" s="21" t="s">
        <v>699</v>
      </c>
      <c r="D955" s="22" t="s">
        <v>695</v>
      </c>
      <c r="E955" s="11">
        <v>143847</v>
      </c>
      <c r="F955" s="22" t="s">
        <v>1816</v>
      </c>
      <c r="G955" s="45" t="s">
        <v>693</v>
      </c>
      <c r="H955" s="29">
        <v>2</v>
      </c>
      <c r="I955" s="26">
        <v>0</v>
      </c>
      <c r="J955" s="33"/>
    </row>
    <row r="956" spans="2:10" s="38" customFormat="1" ht="39.75" customHeight="1" x14ac:dyDescent="0.2">
      <c r="B956" s="37"/>
      <c r="C956" s="21" t="s">
        <v>698</v>
      </c>
      <c r="D956" s="22" t="s">
        <v>695</v>
      </c>
      <c r="E956" s="11">
        <v>143847</v>
      </c>
      <c r="F956" s="22" t="s">
        <v>1233</v>
      </c>
      <c r="G956" s="45" t="s">
        <v>693</v>
      </c>
      <c r="H956" s="29">
        <v>1</v>
      </c>
      <c r="I956" s="26">
        <v>0</v>
      </c>
      <c r="J956" s="33"/>
    </row>
    <row r="957" spans="2:10" s="38" customFormat="1" ht="39.75" customHeight="1" x14ac:dyDescent="0.2">
      <c r="B957" s="37"/>
      <c r="C957" s="21" t="s">
        <v>696</v>
      </c>
      <c r="D957" s="22" t="s">
        <v>695</v>
      </c>
      <c r="E957" s="11">
        <v>143847</v>
      </c>
      <c r="F957" s="22" t="s">
        <v>1346</v>
      </c>
      <c r="G957" s="45" t="s">
        <v>695</v>
      </c>
      <c r="H957" s="29">
        <v>1</v>
      </c>
      <c r="I957" s="26">
        <v>0</v>
      </c>
      <c r="J957" s="33"/>
    </row>
    <row r="958" spans="2:10" s="38" customFormat="1" ht="39.75" customHeight="1" x14ac:dyDescent="0.2">
      <c r="B958" s="37"/>
      <c r="C958" s="21" t="s">
        <v>697</v>
      </c>
      <c r="D958" s="22" t="s">
        <v>695</v>
      </c>
      <c r="E958" s="11">
        <v>143847</v>
      </c>
      <c r="F958" s="22" t="s">
        <v>1510</v>
      </c>
      <c r="G958" s="45" t="s">
        <v>695</v>
      </c>
      <c r="H958" s="29">
        <v>1</v>
      </c>
      <c r="I958" s="26">
        <v>0</v>
      </c>
      <c r="J958" s="33"/>
    </row>
    <row r="959" spans="2:10" s="38" customFormat="1" ht="39.75" customHeight="1" x14ac:dyDescent="0.2">
      <c r="B959" s="37"/>
      <c r="C959" s="21" t="s">
        <v>701</v>
      </c>
      <c r="D959" s="22" t="s">
        <v>695</v>
      </c>
      <c r="E959" s="11">
        <v>143847</v>
      </c>
      <c r="F959" s="22" t="s">
        <v>1203</v>
      </c>
      <c r="G959" s="45" t="s">
        <v>693</v>
      </c>
      <c r="H959" s="29">
        <v>0</v>
      </c>
      <c r="I959" s="26">
        <v>2</v>
      </c>
      <c r="J959" s="33"/>
    </row>
    <row r="960" spans="2:10" s="38" customFormat="1" ht="39.75" customHeight="1" x14ac:dyDescent="0.2">
      <c r="B960" s="37"/>
      <c r="C960" s="21" t="s">
        <v>702</v>
      </c>
      <c r="D960" s="22" t="s">
        <v>695</v>
      </c>
      <c r="E960" s="11">
        <v>143847</v>
      </c>
      <c r="F960" s="22" t="s">
        <v>1596</v>
      </c>
      <c r="G960" s="45" t="s">
        <v>693</v>
      </c>
      <c r="H960" s="29">
        <v>0</v>
      </c>
      <c r="I960" s="26">
        <v>1</v>
      </c>
      <c r="J960" s="33"/>
    </row>
    <row r="961" spans="2:10" s="38" customFormat="1" ht="39.75" customHeight="1" x14ac:dyDescent="0.2">
      <c r="B961" s="37"/>
      <c r="C961" s="21" t="s">
        <v>700</v>
      </c>
      <c r="D961" s="22" t="s">
        <v>695</v>
      </c>
      <c r="E961" s="11">
        <v>143847</v>
      </c>
      <c r="F961" s="22" t="s">
        <v>1817</v>
      </c>
      <c r="G961" s="45" t="s">
        <v>693</v>
      </c>
      <c r="H961" s="29">
        <v>3</v>
      </c>
      <c r="I961" s="26">
        <v>0</v>
      </c>
      <c r="J961" s="33"/>
    </row>
    <row r="962" spans="2:10" s="38" customFormat="1" ht="39.75" customHeight="1" x14ac:dyDescent="0.2">
      <c r="B962" s="37"/>
      <c r="C962" s="21" t="s">
        <v>705</v>
      </c>
      <c r="D962" s="22" t="s">
        <v>695</v>
      </c>
      <c r="E962" s="11">
        <v>143847</v>
      </c>
      <c r="F962" s="22" t="s">
        <v>1720</v>
      </c>
      <c r="G962" s="45" t="s">
        <v>693</v>
      </c>
      <c r="H962" s="29">
        <v>1</v>
      </c>
      <c r="I962" s="26">
        <v>0</v>
      </c>
      <c r="J962" s="33"/>
    </row>
    <row r="963" spans="2:10" s="38" customFormat="1" ht="39.75" customHeight="1" x14ac:dyDescent="0.2">
      <c r="B963" s="37"/>
      <c r="C963" s="21" t="s">
        <v>703</v>
      </c>
      <c r="D963" s="22" t="s">
        <v>695</v>
      </c>
      <c r="E963" s="11">
        <v>143847</v>
      </c>
      <c r="F963" s="22" t="s">
        <v>1511</v>
      </c>
      <c r="G963" s="45" t="s">
        <v>693</v>
      </c>
      <c r="H963" s="29">
        <v>1</v>
      </c>
      <c r="I963" s="26">
        <v>0</v>
      </c>
      <c r="J963" s="33"/>
    </row>
    <row r="964" spans="2:10" s="38" customFormat="1" ht="39.75" customHeight="1" x14ac:dyDescent="0.2">
      <c r="B964" s="37"/>
      <c r="C964" s="21" t="s">
        <v>704</v>
      </c>
      <c r="D964" s="22" t="s">
        <v>695</v>
      </c>
      <c r="E964" s="11">
        <v>143847</v>
      </c>
      <c r="F964" s="22" t="s">
        <v>1236</v>
      </c>
      <c r="G964" s="45" t="s">
        <v>693</v>
      </c>
      <c r="H964" s="29">
        <v>2</v>
      </c>
      <c r="I964" s="26">
        <v>0</v>
      </c>
      <c r="J964" s="33"/>
    </row>
    <row r="965" spans="2:10" s="38" customFormat="1" ht="39.75" customHeight="1" x14ac:dyDescent="0.2">
      <c r="B965" s="37"/>
      <c r="C965" s="21" t="s">
        <v>694</v>
      </c>
      <c r="D965" s="22" t="s">
        <v>695</v>
      </c>
      <c r="E965" s="11">
        <v>143847</v>
      </c>
      <c r="F965" s="22" t="s">
        <v>1234</v>
      </c>
      <c r="G965" s="45" t="s">
        <v>693</v>
      </c>
      <c r="H965" s="29">
        <v>4</v>
      </c>
      <c r="I965" s="26">
        <v>0</v>
      </c>
      <c r="J965" s="33"/>
    </row>
    <row r="966" spans="2:10" s="38" customFormat="1" ht="39.75" customHeight="1" x14ac:dyDescent="0.2">
      <c r="B966" s="37"/>
      <c r="C966" s="21" t="s">
        <v>706</v>
      </c>
      <c r="D966" s="22" t="s">
        <v>695</v>
      </c>
      <c r="E966" s="11">
        <v>143847</v>
      </c>
      <c r="F966" s="22" t="s">
        <v>1235</v>
      </c>
      <c r="G966" s="45" t="s">
        <v>695</v>
      </c>
      <c r="H966" s="29">
        <v>1</v>
      </c>
      <c r="I966" s="26">
        <v>0</v>
      </c>
      <c r="J966" s="33"/>
    </row>
    <row r="967" spans="2:10" s="38" customFormat="1" ht="39.75" customHeight="1" x14ac:dyDescent="0.2">
      <c r="B967" s="37"/>
      <c r="C967" s="21" t="s">
        <v>613</v>
      </c>
      <c r="D967" s="22" t="s">
        <v>1077</v>
      </c>
      <c r="E967" s="11">
        <v>144011</v>
      </c>
      <c r="F967" s="22" t="s">
        <v>1431</v>
      </c>
      <c r="G967" s="45" t="s">
        <v>707</v>
      </c>
      <c r="H967" s="29">
        <v>2</v>
      </c>
      <c r="I967" s="26">
        <v>0</v>
      </c>
      <c r="J967" s="33"/>
    </row>
    <row r="968" spans="2:10" s="38" customFormat="1" ht="39.75" customHeight="1" x14ac:dyDescent="0.2">
      <c r="B968" s="37"/>
      <c r="C968" s="21" t="s">
        <v>708</v>
      </c>
      <c r="D968" s="22" t="s">
        <v>1077</v>
      </c>
      <c r="E968" s="11">
        <v>144011</v>
      </c>
      <c r="F968" s="22" t="s">
        <v>1432</v>
      </c>
      <c r="G968" s="45" t="s">
        <v>707</v>
      </c>
      <c r="H968" s="29">
        <v>3</v>
      </c>
      <c r="I968" s="26">
        <v>0</v>
      </c>
      <c r="J968" s="33"/>
    </row>
    <row r="969" spans="2:10" s="38" customFormat="1" ht="39.75" customHeight="1" x14ac:dyDescent="0.2">
      <c r="B969" s="37"/>
      <c r="C969" s="21" t="s">
        <v>709</v>
      </c>
      <c r="D969" s="22" t="s">
        <v>1077</v>
      </c>
      <c r="E969" s="11">
        <v>144011</v>
      </c>
      <c r="F969" s="22" t="s">
        <v>1597</v>
      </c>
      <c r="G969" s="45" t="s">
        <v>707</v>
      </c>
      <c r="H969" s="29">
        <v>2</v>
      </c>
      <c r="I969" s="26">
        <v>0</v>
      </c>
      <c r="J969" s="33"/>
    </row>
    <row r="970" spans="2:10" s="38" customFormat="1" ht="39.75" customHeight="1" x14ac:dyDescent="0.2">
      <c r="B970" s="37"/>
      <c r="C970" s="21" t="s">
        <v>714</v>
      </c>
      <c r="D970" s="22" t="s">
        <v>1077</v>
      </c>
      <c r="E970" s="11">
        <v>144011</v>
      </c>
      <c r="F970" s="22" t="s">
        <v>1598</v>
      </c>
      <c r="G970" s="45" t="s">
        <v>707</v>
      </c>
      <c r="H970" s="29">
        <v>2</v>
      </c>
      <c r="I970" s="26">
        <v>0</v>
      </c>
      <c r="J970" s="33"/>
    </row>
    <row r="971" spans="2:10" s="38" customFormat="1" ht="39.75" customHeight="1" x14ac:dyDescent="0.2">
      <c r="B971" s="37"/>
      <c r="C971" s="21" t="s">
        <v>710</v>
      </c>
      <c r="D971" s="22" t="s">
        <v>1077</v>
      </c>
      <c r="E971" s="11">
        <v>144011</v>
      </c>
      <c r="F971" s="22" t="s">
        <v>1818</v>
      </c>
      <c r="G971" s="45" t="s">
        <v>707</v>
      </c>
      <c r="H971" s="29">
        <v>2</v>
      </c>
      <c r="I971" s="26">
        <v>0</v>
      </c>
      <c r="J971" s="33"/>
    </row>
    <row r="972" spans="2:10" s="38" customFormat="1" ht="39.75" customHeight="1" x14ac:dyDescent="0.2">
      <c r="B972" s="37"/>
      <c r="C972" s="21" t="s">
        <v>713</v>
      </c>
      <c r="D972" s="22" t="s">
        <v>1077</v>
      </c>
      <c r="E972" s="11">
        <v>144011</v>
      </c>
      <c r="F972" s="22" t="s">
        <v>1347</v>
      </c>
      <c r="G972" s="45" t="s">
        <v>707</v>
      </c>
      <c r="H972" s="29">
        <v>2</v>
      </c>
      <c r="I972" s="26">
        <v>0</v>
      </c>
      <c r="J972" s="33"/>
    </row>
    <row r="973" spans="2:10" s="38" customFormat="1" ht="39.75" customHeight="1" x14ac:dyDescent="0.2">
      <c r="B973" s="37"/>
      <c r="C973" s="21" t="s">
        <v>100</v>
      </c>
      <c r="D973" s="22" t="s">
        <v>1077</v>
      </c>
      <c r="E973" s="11">
        <v>144011</v>
      </c>
      <c r="F973" s="22" t="s">
        <v>1091</v>
      </c>
      <c r="G973" s="23" t="s">
        <v>390</v>
      </c>
      <c r="H973" s="29">
        <v>14</v>
      </c>
      <c r="I973" s="26">
        <v>0</v>
      </c>
      <c r="J973" s="33"/>
    </row>
    <row r="974" spans="2:10" s="38" customFormat="1" ht="39.75" customHeight="1" x14ac:dyDescent="0.2">
      <c r="B974" s="37"/>
      <c r="C974" s="21" t="s">
        <v>265</v>
      </c>
      <c r="D974" s="22" t="s">
        <v>1077</v>
      </c>
      <c r="E974" s="11">
        <v>144011</v>
      </c>
      <c r="F974" s="22" t="s">
        <v>1819</v>
      </c>
      <c r="G974" s="23" t="s">
        <v>390</v>
      </c>
      <c r="H974" s="29">
        <v>0</v>
      </c>
      <c r="I974" s="26">
        <v>3</v>
      </c>
      <c r="J974" s="33" t="s">
        <v>375</v>
      </c>
    </row>
    <row r="975" spans="2:10" s="38" customFormat="1" ht="39.75" customHeight="1" x14ac:dyDescent="0.2">
      <c r="B975" s="37"/>
      <c r="C975" s="21" t="s">
        <v>615</v>
      </c>
      <c r="D975" s="22" t="s">
        <v>1077</v>
      </c>
      <c r="E975" s="11">
        <v>144011</v>
      </c>
      <c r="F975" s="22" t="s">
        <v>1721</v>
      </c>
      <c r="G975" s="45" t="s">
        <v>707</v>
      </c>
      <c r="H975" s="29">
        <v>13</v>
      </c>
      <c r="I975" s="26">
        <v>0</v>
      </c>
      <c r="J975" s="33" t="s">
        <v>717</v>
      </c>
    </row>
    <row r="976" spans="2:10" s="38" customFormat="1" ht="39.75" customHeight="1" x14ac:dyDescent="0.2">
      <c r="B976" s="37"/>
      <c r="C976" s="21" t="s">
        <v>715</v>
      </c>
      <c r="D976" s="22" t="s">
        <v>1077</v>
      </c>
      <c r="E976" s="11">
        <v>144011</v>
      </c>
      <c r="F976" s="22" t="s">
        <v>1722</v>
      </c>
      <c r="G976" s="45" t="s">
        <v>707</v>
      </c>
      <c r="H976" s="29">
        <v>1</v>
      </c>
      <c r="I976" s="26">
        <v>0</v>
      </c>
      <c r="J976" s="33" t="s">
        <v>716</v>
      </c>
    </row>
    <row r="977" spans="2:10" s="38" customFormat="1" ht="39.75" customHeight="1" x14ac:dyDescent="0.2">
      <c r="B977" s="37"/>
      <c r="C977" s="21" t="s">
        <v>712</v>
      </c>
      <c r="D977" s="22" t="s">
        <v>1077</v>
      </c>
      <c r="E977" s="11">
        <v>144011</v>
      </c>
      <c r="F977" s="22" t="s">
        <v>1820</v>
      </c>
      <c r="G977" s="45" t="s">
        <v>707</v>
      </c>
      <c r="H977" s="29">
        <v>0</v>
      </c>
      <c r="I977" s="26">
        <v>1</v>
      </c>
      <c r="J977" s="33"/>
    </row>
    <row r="978" spans="2:10" s="38" customFormat="1" ht="39.75" customHeight="1" x14ac:dyDescent="0.2">
      <c r="B978" s="37"/>
      <c r="C978" s="21" t="s">
        <v>711</v>
      </c>
      <c r="D978" s="22" t="s">
        <v>1077</v>
      </c>
      <c r="E978" s="11">
        <v>144011</v>
      </c>
      <c r="F978" s="22" t="s">
        <v>1348</v>
      </c>
      <c r="G978" s="45" t="s">
        <v>707</v>
      </c>
      <c r="H978" s="29">
        <v>1</v>
      </c>
      <c r="I978" s="26">
        <v>0</v>
      </c>
      <c r="J978" s="33"/>
    </row>
    <row r="979" spans="2:10" s="38" customFormat="1" ht="39.75" customHeight="1" x14ac:dyDescent="0.2">
      <c r="B979" s="37"/>
      <c r="C979" s="21" t="s">
        <v>248</v>
      </c>
      <c r="D979" s="22" t="s">
        <v>1077</v>
      </c>
      <c r="E979" s="11">
        <v>144011</v>
      </c>
      <c r="F979" s="22" t="s">
        <v>1723</v>
      </c>
      <c r="G979" s="23" t="s">
        <v>390</v>
      </c>
      <c r="H979" s="29">
        <v>2</v>
      </c>
      <c r="I979" s="26">
        <v>0</v>
      </c>
      <c r="J979" s="33"/>
    </row>
    <row r="980" spans="2:10" s="38" customFormat="1" ht="39.75" customHeight="1" x14ac:dyDescent="0.2">
      <c r="B980" s="37"/>
      <c r="C980" s="21" t="s">
        <v>1030</v>
      </c>
      <c r="D980" s="22" t="s">
        <v>1078</v>
      </c>
      <c r="E980" s="11">
        <v>144029</v>
      </c>
      <c r="F980" s="22" t="s">
        <v>1512</v>
      </c>
      <c r="G980" s="45" t="s">
        <v>1029</v>
      </c>
      <c r="H980" s="29">
        <v>6</v>
      </c>
      <c r="I980" s="26">
        <v>0</v>
      </c>
      <c r="J980" s="33"/>
    </row>
    <row r="981" spans="2:10" s="38" customFormat="1" ht="39.75" customHeight="1" x14ac:dyDescent="0.2">
      <c r="B981" s="37"/>
      <c r="C981" s="21" t="s">
        <v>0</v>
      </c>
      <c r="D981" s="22" t="s">
        <v>1078</v>
      </c>
      <c r="E981" s="11">
        <v>144029</v>
      </c>
      <c r="F981" s="22" t="s">
        <v>1821</v>
      </c>
      <c r="G981" s="23" t="s">
        <v>390</v>
      </c>
      <c r="H981" s="29">
        <v>1</v>
      </c>
      <c r="I981" s="26">
        <v>0</v>
      </c>
      <c r="J981" s="33"/>
    </row>
    <row r="982" spans="2:10" s="38" customFormat="1" ht="39.75" customHeight="1" x14ac:dyDescent="0.2">
      <c r="B982" s="37"/>
      <c r="C982" s="21" t="s">
        <v>82</v>
      </c>
      <c r="D982" s="22" t="s">
        <v>1078</v>
      </c>
      <c r="E982" s="11">
        <v>144029</v>
      </c>
      <c r="F982" s="22" t="s">
        <v>1090</v>
      </c>
      <c r="G982" s="23" t="s">
        <v>390</v>
      </c>
      <c r="H982" s="29">
        <v>2</v>
      </c>
      <c r="I982" s="26">
        <v>0</v>
      </c>
      <c r="J982" s="33"/>
    </row>
    <row r="983" spans="2:10" s="38" customFormat="1" ht="39.75" customHeight="1" x14ac:dyDescent="0.2">
      <c r="B983" s="37"/>
      <c r="C983" s="11" t="s">
        <v>83</v>
      </c>
      <c r="D983" s="12" t="s">
        <v>1078</v>
      </c>
      <c r="E983" s="11">
        <v>144029</v>
      </c>
      <c r="F983" s="12" t="s">
        <v>1090</v>
      </c>
      <c r="G983" s="13" t="s">
        <v>390</v>
      </c>
      <c r="H983" s="20">
        <v>2</v>
      </c>
      <c r="I983" s="18">
        <v>0</v>
      </c>
      <c r="J983" s="34"/>
    </row>
    <row r="984" spans="2:10" s="38" customFormat="1" ht="39.75" customHeight="1" x14ac:dyDescent="0.2">
      <c r="B984" s="37"/>
      <c r="C984" s="68" t="s">
        <v>21</v>
      </c>
      <c r="D984" s="69" t="s">
        <v>1078</v>
      </c>
      <c r="E984" s="68">
        <v>144029</v>
      </c>
      <c r="F984" s="69" t="s">
        <v>1089</v>
      </c>
      <c r="G984" s="70" t="s">
        <v>390</v>
      </c>
      <c r="H984" s="71">
        <v>1</v>
      </c>
      <c r="I984" s="72">
        <v>0</v>
      </c>
      <c r="J984" s="73"/>
    </row>
    <row r="985" spans="2:10" x14ac:dyDescent="0.2">
      <c r="C985" s="1" t="s">
        <v>1837</v>
      </c>
    </row>
  </sheetData>
  <sheetProtection formatCells="0" formatColumns="0" formatRows="0" insertColumns="0" insertRows="0" insertHyperlinks="0" deleteColumns="0" deleteRows="0" selectLockedCells="1" sort="0" autoFilter="0" pivotTables="0"/>
  <autoFilter ref="B3:J985" xr:uid="{00000000-0009-0000-0000-000000000000}">
    <sortState xmlns:xlrd2="http://schemas.microsoft.com/office/spreadsheetml/2017/richdata2" ref="B4:J985">
      <sortCondition ref="E3:E985"/>
    </sortState>
  </autoFilter>
  <phoneticPr fontId="3"/>
  <dataValidations count="2">
    <dataValidation type="list" allowBlank="1" showInputMessage="1" sqref="J402:J403 J433 J954" xr:uid="{00000000-0002-0000-0000-000000000000}">
      <formula1>"利用者数や利用状況に対し十分な車椅子使用者用駐車区画がある,全体の区画数が少なく設置できない,その他（　理由を記載　）"</formula1>
    </dataValidation>
    <dataValidation type="list" allowBlank="1" showInputMessage="1" showErrorMessage="1" sqref="G663:G671 H344:H346" xr:uid="{00000000-0002-0000-0000-000001000000}">
      <formula1>"政策局,総務局,くらし安全防災局,国際文化観光局,スポーツ局,環境農政局,福祉子どもみらい局,健康医療局,産業労働局,県土整備局,企業局,教育局,警察本部"</formula1>
    </dataValidation>
  </dataValidations>
  <pageMargins left="0.70866141732283472" right="0.70866141732283472" top="0.74803149606299213" bottom="0.74803149606299213" header="0.31496062992125984" footer="0.31496062992125984"/>
  <pageSetup paperSize="9" scale="60" fitToHeight="0" orientation="landscape" cellComments="asDisplayed" r:id="rId1"/>
  <headerFooter>
    <oddFooter>&amp;P / &amp;N ページ</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対象区画一覧</vt:lpstr>
      <vt:lpstr>対象区画一覧!Print_Area</vt:lpstr>
      <vt:lpstr>対象区画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田直人</dc:creator>
  <cp:lastModifiedBy>user</cp:lastModifiedBy>
  <cp:lastPrinted>2025-10-29T11:50:51Z</cp:lastPrinted>
  <dcterms:created xsi:type="dcterms:W3CDTF">2022-03-28T23:58:14Z</dcterms:created>
  <dcterms:modified xsi:type="dcterms:W3CDTF">2025-10-29T12:05:32Z</dcterms:modified>
</cp:coreProperties>
</file>